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otorhinolaryngological_diseases_en_product3_200" type="4" refreshedVersion="0" background="1">
    <webPr xml="1" sourceData="1" url="C:\Users\till.voigtlaender\Desktop\back-up 251012\t_voigtlaender\ccrd-gög\Nationaler Aktionsplan\disease_groups\classifications_rare_diseases_orphanet\s2\rare_otorhinolaryngological_diseases_en_product3_200.xml" htmlTables="1" htmlFormat="all"/>
  </connection>
</connections>
</file>

<file path=xl/sharedStrings.xml><?xml version="1.0" encoding="utf-8"?>
<sst xmlns="http://schemas.openxmlformats.org/spreadsheetml/2006/main" count="419" uniqueCount="357">
  <si>
    <t>Rare otorhinolaryngologic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Familial nasal acilia</t>
  </si>
  <si>
    <t>• Rare deafness</t>
  </si>
  <si>
    <t>• Rare genetic deafness</t>
  </si>
  <si>
    <t>• Sinoatrial node dysfunction and deafness</t>
  </si>
  <si>
    <t>• Nonsyndromic genetic deafness</t>
  </si>
  <si>
    <t>• Prelingual nonsyndromic genetic deafness</t>
  </si>
  <si>
    <t>• Gusher syndrome</t>
  </si>
  <si>
    <t>• X-linked nonsyndromic sensorineural deafness type DFN</t>
  </si>
  <si>
    <t>• Autosomal dominant nonsyndromic sensorineural deafness type DFNA</t>
  </si>
  <si>
    <t>• Autosomal recessive nonsyndromic sensorineural deafness type DFNB</t>
  </si>
  <si>
    <t>• Mitochondrial nonsyndromic sensorineural deafness</t>
  </si>
  <si>
    <t>• Postlingual nonsyndromic genetic deafness</t>
  </si>
  <si>
    <t>• Mitochondrial nonsyndromic sensorineural deafness with susceptibility to aminoglycoside exposure</t>
  </si>
  <si>
    <t>• Syndromic genetic deafness</t>
  </si>
  <si>
    <t>• Kearns-Sayre syndrome</t>
  </si>
  <si>
    <t>• MELAS syndrome</t>
  </si>
  <si>
    <t>• CHARGE syndrome</t>
  </si>
  <si>
    <t>• 22q11.2 deletion syndrome</t>
  </si>
  <si>
    <t>• Norrie disease</t>
  </si>
  <si>
    <t>• Townes-Brocks syndrome</t>
  </si>
  <si>
    <t>• BOR syndrome</t>
  </si>
  <si>
    <t>• Treacher-Collins syndrome</t>
  </si>
  <si>
    <t>• Albinism-deafness syndrome</t>
  </si>
  <si>
    <t>• Ermine phenotype</t>
  </si>
  <si>
    <t>• Ocular albinism - late-onset sensorineural deafness</t>
  </si>
  <si>
    <t>• Retinitis pigmentosa - intellectual deficit - deafness - hypogenitalism</t>
  </si>
  <si>
    <t>• KID syndrome</t>
  </si>
  <si>
    <t>• Pendred syndrome</t>
  </si>
  <si>
    <t>• Schizophrenia - intellectual deficit - deafness - retinitis</t>
  </si>
  <si>
    <t>• Alport syndrome</t>
  </si>
  <si>
    <t>• X-linked Alport syndrome</t>
  </si>
  <si>
    <t>• Autosomal dominant Alport syndrome</t>
  </si>
  <si>
    <t>• Autosomal recessive Alport syndrome</t>
  </si>
  <si>
    <t>• Cockayne syndrome</t>
  </si>
  <si>
    <t>• COFS syndrome</t>
  </si>
  <si>
    <t>• Cockayne syndrome type 1</t>
  </si>
  <si>
    <t>• Cockayne syndrome type 2</t>
  </si>
  <si>
    <t>• Cockayne syndrome type 3</t>
  </si>
  <si>
    <t>• Xeroderma pigmentosum/Cockayne syndrome complex</t>
  </si>
  <si>
    <t>• Usher syndrome</t>
  </si>
  <si>
    <t>• Usher syndrome type 1</t>
  </si>
  <si>
    <t>• Usher syndrome type 2</t>
  </si>
  <si>
    <t>• Usher syndrome type 3</t>
  </si>
  <si>
    <t>• Waardenburg syndrome</t>
  </si>
  <si>
    <t>• Waardenburg syndrome type 1</t>
  </si>
  <si>
    <t>• Waardenburg syndrome type 2</t>
  </si>
  <si>
    <t>• Waardenburg syndrome type 3</t>
  </si>
  <si>
    <t>• Stickler syndrome</t>
  </si>
  <si>
    <t>• Stickler syndrome type 1</t>
  </si>
  <si>
    <t>• Stickler syndrome type 2</t>
  </si>
  <si>
    <t>• Autosomal recessive Stickler syndrome</t>
  </si>
  <si>
    <t>• Waardenburg-Shah syndrome</t>
  </si>
  <si>
    <t>• LEOPARD syndrome</t>
  </si>
  <si>
    <t>• Fraser syndrome</t>
  </si>
  <si>
    <t>• Mitochondrial myopathy - lactic acidosis - deafness</t>
  </si>
  <si>
    <t>• ABCD syndrome</t>
  </si>
  <si>
    <t>• Alström syndrome</t>
  </si>
  <si>
    <t>• Arthrogryposis-like hand anomaly - sensorineural deafness</t>
  </si>
  <si>
    <t>• Lethal ataxia with deafness and optic atrophy</t>
  </si>
  <si>
    <t>• Ataxia-deafness-retardation syndrome</t>
  </si>
  <si>
    <t>• Choanal atresia - deafness - cardiac defects - dysmorphism</t>
  </si>
  <si>
    <t>• Maxillo-nasal dysplasia</t>
  </si>
  <si>
    <t>• Cataract - ataxia - deafness</t>
  </si>
  <si>
    <t>• Richards-Rundle syndrome</t>
  </si>
  <si>
    <t>• Choroideremia - deafness - obesity</t>
  </si>
  <si>
    <t>• Corneal dystrophy - perceptive deafness</t>
  </si>
  <si>
    <t>• Craniofacial-deafness-hand syndrome</t>
  </si>
  <si>
    <t>• Ectodermal dysplasia - sensorineural deafness</t>
  </si>
  <si>
    <t>• Fechtner syndrome</t>
  </si>
  <si>
    <t>• Cleft lip/palate - deafness - sacral lipoma</t>
  </si>
  <si>
    <t>• Gingival fibromatosis  - progressive deafness</t>
  </si>
  <si>
    <t>• Hirschsprung disease - deafness - polydactyly</t>
  </si>
  <si>
    <t>• Palmoplantar keratoderma-deafness syndrome</t>
  </si>
  <si>
    <t>• Corneal anesthesia - deafness - intellectual deficit</t>
  </si>
  <si>
    <t>• Hypoparathyroidism - deafness - renal disease</t>
  </si>
  <si>
    <t>• Keratoderma hereditarium mutilans</t>
  </si>
  <si>
    <t>• Thickened earlobes - conductive deafness</t>
  </si>
  <si>
    <t>• Metaphyseal dysostosis - intellectual deficit - conductive deafness</t>
  </si>
  <si>
    <t>• Microcephaly - deafness - intellectual deficit</t>
  </si>
  <si>
    <t>• Myoclonus - cerebellar ataxia - deafness</t>
  </si>
  <si>
    <t>• N syndrome</t>
  </si>
  <si>
    <t>• Nephropathy - deafness - hyperparathyroidism</t>
  </si>
  <si>
    <t>• Nephrosis - deafness - urinary tract - digital malformations</t>
  </si>
  <si>
    <t>• Neutropenia - monocytopenia - deafness</t>
  </si>
  <si>
    <t>• Knuckle pads-leuconychia-sensorineural deafness-palmoplantar hyperkeratosis syndrome</t>
  </si>
  <si>
    <t>• Olivopontocerebellar atrophy - deafness</t>
  </si>
  <si>
    <t>• Oral-facial-digital syndrome type 1</t>
  </si>
  <si>
    <t>• Oral-facial-digital syndrome type 2</t>
  </si>
  <si>
    <t>• Oral-facial-digital syndrome type 3</t>
  </si>
  <si>
    <t>• Oral-facial-digital syndrome type 4</t>
  </si>
  <si>
    <t>• Joubert syndrome with orofaciodigital defect</t>
  </si>
  <si>
    <t>• Oral-facial-digital syndrome type 8</t>
  </si>
  <si>
    <t>• Spastic paraparesis - deafness</t>
  </si>
  <si>
    <t>• Spastic paraplegia - nephritis - deafness</t>
  </si>
  <si>
    <t>• Perrault syndrome</t>
  </si>
  <si>
    <t>• Short stature - deafness - neutrophil dysfunction - dysmorphism</t>
  </si>
  <si>
    <t>• Phocomelia - ectrodactyly - deafness - sinus arrhythmia</t>
  </si>
  <si>
    <t>• Autosomal dominant optic atrophy and congenital deafness</t>
  </si>
  <si>
    <t>• Deaf blind hypopigmentation syndrome, Yemenite type</t>
  </si>
  <si>
    <t>• Deafness -  small bowel diverticulosis - neuropathy</t>
  </si>
  <si>
    <t>• Deafness - epiphyseal dysplasia - short stature</t>
  </si>
  <si>
    <t>• Fountain syndrome</t>
  </si>
  <si>
    <t>• Deafness - enamel hypoplasia - nail defects</t>
  </si>
  <si>
    <t>• Generalized resistance to thyroid hormone</t>
  </si>
  <si>
    <t>• Deafness - genital anomalies - metacarpal and metatarsal synostosis</t>
  </si>
  <si>
    <t>• Hearing loss - familial salivary gland insensitivity to aldosterone</t>
  </si>
  <si>
    <t>• Deafness - lymphedema - leukemia</t>
  </si>
  <si>
    <t>• Deafness - peripheral neuropathy - arterial disease</t>
  </si>
  <si>
    <t>• Deafness - oligodontia</t>
  </si>
  <si>
    <t>• Deafness - onychodystrophy</t>
  </si>
  <si>
    <t>• Deafness - onychodystrophy, autosomal dominant</t>
  </si>
  <si>
    <t>• Autosomal recessive deafness-onychodystrophy syndrome</t>
  </si>
  <si>
    <t>• Deafness - ear malformation - facial palsy</t>
  </si>
  <si>
    <t>• Cochleosaccular degeneration - cataract</t>
  </si>
  <si>
    <t>• Progressive deafness with stapes fixation</t>
  </si>
  <si>
    <t>• Multiple synostoses syndrome</t>
  </si>
  <si>
    <t>• Cardiospondylocarpofacial syndrome</t>
  </si>
  <si>
    <t>• Deafness - vitiligo - achalasia</t>
  </si>
  <si>
    <t>• Deafness-craniofacial syndrome</t>
  </si>
  <si>
    <t>• Osteochondrodysplatic nanism - deafness - retinitis pigmentosa</t>
  </si>
  <si>
    <t>• Atherosclerosis- deafness - diabetes - epilepsy - nephropathy</t>
  </si>
  <si>
    <t>• Cataract - deafness - hypogonadism</t>
  </si>
  <si>
    <t>• Caudal appendage - deafness</t>
  </si>
  <si>
    <t>• Otopalatodigital syndrome</t>
  </si>
  <si>
    <t>• Otopalatodigital syndrome type 1</t>
  </si>
  <si>
    <t>• Otopalatodigital syndrome type 2</t>
  </si>
  <si>
    <t>• Central nervous system calcification - deafness - tubular acidosis - anemia</t>
  </si>
  <si>
    <t>• Maternally inherited diabetes and deafness</t>
  </si>
  <si>
    <t>• Tietz syndrome</t>
  </si>
  <si>
    <t>• Thiamine-responsive megaloblastic anemia syndrome</t>
  </si>
  <si>
    <t>• Lipodystrophy - intellectual deficit - deafness</t>
  </si>
  <si>
    <t>• Branchiogenic deafness syndrome</t>
  </si>
  <si>
    <t>• Mohr-Tranebjaerg syndrome</t>
  </si>
  <si>
    <t>• Branchio-otic syndrome</t>
  </si>
  <si>
    <t>• X-linked Charcot-Marie-Tooth disease</t>
  </si>
  <si>
    <t>• X-linked Charcot-Marie-Tooth disease type 5</t>
  </si>
  <si>
    <t>• X-linked Charcot-Marie-Tooth disease type 1</t>
  </si>
  <si>
    <t>• X-linked Charcot-Marie-Tooth disease type 2</t>
  </si>
  <si>
    <t>• X-linked Charcot-Marie-Tooth disease type 3</t>
  </si>
  <si>
    <t>• X-linked Charcot-Marie-Tooth disease type 4</t>
  </si>
  <si>
    <t>• Sensorineural hearing loss - early greying - essential tremor</t>
  </si>
  <si>
    <t>• Bosley-Salih-Alorainy syndrome</t>
  </si>
  <si>
    <t>• Athabaskan brainstem dysgenesis syndrome</t>
  </si>
  <si>
    <t>• Dentinogenesis imperfecta - short stature - hearing loss - intellectual deficit</t>
  </si>
  <si>
    <t>• Split hand - split foot - deafness</t>
  </si>
  <si>
    <t>• Developmental malformations - deafness - dystonia</t>
  </si>
  <si>
    <t>• Keratoderma hereditarium mutilans with ichthyosis</t>
  </si>
  <si>
    <t>• Deafness - intellectual deficit, Martin-Probst type</t>
  </si>
  <si>
    <t>• Infantile Bartter syndrome with deafness</t>
  </si>
  <si>
    <t>• Deafness with labyrinthine aplasia, microtia, and microdontia</t>
  </si>
  <si>
    <t>• Charcot-Marie-Tooth disease - deafness - intellectual deficit</t>
  </si>
  <si>
    <t>• Deafness - hypogonadism</t>
  </si>
  <si>
    <t>• Jervell and Lange-Nielsen syndrome</t>
  </si>
  <si>
    <t>• Charcot-Marie-Tooth disease type 1E</t>
  </si>
  <si>
    <t>• Autosomal recessive distal renal tubular acidosis with deafness</t>
  </si>
  <si>
    <t>• Deafness-infertility syndrome</t>
  </si>
  <si>
    <t>• Brown-Vialetto-van Laere syndrome</t>
  </si>
  <si>
    <t>• Neuropathy with hearing impairment</t>
  </si>
  <si>
    <t>• Stapes ankylosis with broad thumbs and toes</t>
  </si>
  <si>
    <t>• Bilateral microtia - deafness - cleft palate</t>
  </si>
  <si>
    <t>• Hypospadias-hypertelorism-coloboma and deafness</t>
  </si>
  <si>
    <t>• Spondyloepiphyseal dysplasia, MacDermot type</t>
  </si>
  <si>
    <t>• Neurologic Waardenburg-Shah syndrome</t>
  </si>
  <si>
    <t>• Developmental delay - deafness, Hildebrand type</t>
  </si>
  <si>
    <t>• Stickler syndrome type 3</t>
  </si>
  <si>
    <t>• MEDNIK syndrome</t>
  </si>
  <si>
    <t>• SeSAME syndrome</t>
  </si>
  <si>
    <t>• Cutis verticis gyrata - retinitis pigmentosa - sensorineural deafness</t>
  </si>
  <si>
    <t>• Progressive sensorineural hearing loss - hypertrophic cardiomyopathy</t>
  </si>
  <si>
    <t>• Familial steroid-resistant nephrotic syndrome with sensorineural deafness</t>
  </si>
  <si>
    <t>• Dysmorphism - conductive hearing loss - heart defect</t>
  </si>
  <si>
    <t>• Hypertelorism-preauricular sinus-punctual pits-deafness syndrome</t>
  </si>
  <si>
    <t>• Hypogonadotropic hypogonadism-severe microcephaly-sensorineural hearing loss-dysmorphism syndrome</t>
  </si>
  <si>
    <t>• Connective tissue disorder due to lysyl hydroxylase-3 deficiency</t>
  </si>
  <si>
    <t>• Nephrotic syndrome-deafness-pretibial epidermolysis bullosa syndrome</t>
  </si>
  <si>
    <t>• Cerebellar ataxia-deafness-narcolepsy syndrome</t>
  </si>
  <si>
    <t>• Chudley-McCullough syndrome</t>
  </si>
  <si>
    <t>• Faisalabad histiocytosis</t>
  </si>
  <si>
    <t>• Meniere disease</t>
  </si>
  <si>
    <t>• Silent sinus syndrome</t>
  </si>
  <si>
    <t>• Isolated congenital anosmia</t>
  </si>
  <si>
    <t>• Rare otorhinolaryngological malformation</t>
  </si>
  <si>
    <t>• Cysts and fistulae of the face and oral cavity</t>
  </si>
  <si>
    <t>• Thyroglossal duct cyst</t>
  </si>
  <si>
    <t>• First branchial cleft anomaly</t>
  </si>
  <si>
    <t>• Second branchial cleft anomaly</t>
  </si>
  <si>
    <t>• Third branchial cleft anomaly</t>
  </si>
  <si>
    <t>• Fourth branchial cleft anomaly</t>
  </si>
  <si>
    <t>• Cervical dermoid cyst</t>
  </si>
  <si>
    <t>• Facial dermoid cyst</t>
  </si>
  <si>
    <t>• Commissural lip fistula</t>
  </si>
  <si>
    <t>• Lower lip fistula</t>
  </si>
  <si>
    <t>• Cervicofacial fibrochondroma</t>
  </si>
  <si>
    <t>• Digestive duplication cyst of the tongue</t>
  </si>
  <si>
    <t>• Nasal dermoid cyst</t>
  </si>
  <si>
    <t>• Nasal dorsum fistula/cyst</t>
  </si>
  <si>
    <t>• Pinnae fistula or cyst</t>
  </si>
  <si>
    <t>• Otomandibular dysplasia</t>
  </si>
  <si>
    <t>• Oculo-auriculo-vertebral spectrum</t>
  </si>
  <si>
    <t>• Goldenhar syndrome</t>
  </si>
  <si>
    <t>• Auriculo-condylar syndrome</t>
  </si>
  <si>
    <t>• Hemifacial microsomia</t>
  </si>
  <si>
    <t>• Mandibulofacial dysostosis</t>
  </si>
  <si>
    <t>• Acrodysostosis</t>
  </si>
  <si>
    <t>• Acrofacial dysostosis, Nager type</t>
  </si>
  <si>
    <t>• Postaxial acrofacial dysostosis</t>
  </si>
  <si>
    <t>• X-linked mandibulofacial dysostosis</t>
  </si>
  <si>
    <t>• Acrodysostosis with multiple hormone resistance</t>
  </si>
  <si>
    <t>• Otomandibular dysplasia associated with monogenic syndromes</t>
  </si>
  <si>
    <t>• Lambert syndrome</t>
  </si>
  <si>
    <t>• Syndrome or malformation associated with head and neck malformations</t>
  </si>
  <si>
    <t>• Beckwith-Wiedemann syndrome</t>
  </si>
  <si>
    <t>• Beckwith-Wiedemann syndrome due to 11p15 microduplication</t>
  </si>
  <si>
    <t>• Beckwith-Wiedemann syndrome due to paternal uniparental disomy of chromosome 11</t>
  </si>
  <si>
    <t>• Beckwith-Wiedemann syndrome due to imprinting defect of 11p15</t>
  </si>
  <si>
    <t>• Beckwith-Wiedemann syndrome due to CDKN1C mutation</t>
  </si>
  <si>
    <t>• Beckwith-Wiedemann syndrome due to 11p15 microdeletion</t>
  </si>
  <si>
    <t>• Beckwith-Wiedemann syndrome due to 11p15 translocation/inversion</t>
  </si>
  <si>
    <t>• Beckwith-Wiedemann syndrome due to NSD1 mutation</t>
  </si>
  <si>
    <t>• Monosomy 18q</t>
  </si>
  <si>
    <t>• Isolated Pierre Robin syndrome</t>
  </si>
  <si>
    <t>• Proteus syndrome</t>
  </si>
  <si>
    <t>• Sturge-Weber syndrome</t>
  </si>
  <si>
    <t>• Simpson-Golabi-Behmel syndrome</t>
  </si>
  <si>
    <t>• Van Der Woude syndrome</t>
  </si>
  <si>
    <t>• Ankyloblepharon - ectodermal defects - cleft lip/palate</t>
  </si>
  <si>
    <t>• Ankyloblepharon filiforme - imperforate anus</t>
  </si>
  <si>
    <t>• Autosomal dominant popliteal pterygium syndrome</t>
  </si>
  <si>
    <t>• EEC syndrome</t>
  </si>
  <si>
    <t>• Simpson-Golabi-Behmel syndrome type 2</t>
  </si>
  <si>
    <t>• Isolated ankyloblepharon filiforme adnatum</t>
  </si>
  <si>
    <t>• Arthrogryposis syndrome</t>
  </si>
  <si>
    <t>• Syndromic Pierre Robin sequence</t>
  </si>
  <si>
    <t>• TARP syndrome</t>
  </si>
  <si>
    <t>• Pierre Robin syndrome associated with collagen disease</t>
  </si>
  <si>
    <t>• Kniest dysplasia</t>
  </si>
  <si>
    <t>• Pierre Robin syndrome associated with a chromosomal anomaly</t>
  </si>
  <si>
    <t>• Pierre Robin syndrome associated with branchial archs anomalies</t>
  </si>
  <si>
    <t>• Pierre Robin syndrome associated with bone disease</t>
  </si>
  <si>
    <t>• Apert syndrome</t>
  </si>
  <si>
    <t>• Atelosteogenesis I</t>
  </si>
  <si>
    <t>• Atelosteogenesis type II</t>
  </si>
  <si>
    <t>• Atelosteogenesis type III</t>
  </si>
  <si>
    <t>• Teratogenic Pierre Robin syndrome</t>
  </si>
  <si>
    <t>• Fetal alcohol syndrome</t>
  </si>
  <si>
    <t>• Fetal parvovirus syndrome</t>
  </si>
  <si>
    <t>• Fetal valproate syndrome</t>
  </si>
  <si>
    <t>• Aminopterin/methotrexate embryofetopathy</t>
  </si>
  <si>
    <t>• Indomethacin embryofetopathy</t>
  </si>
  <si>
    <t>• Fetal iodine syndrome</t>
  </si>
  <si>
    <t>• Cocaine embryofetopathy</t>
  </si>
  <si>
    <t>• Fetal minoxidil syndrome</t>
  </si>
  <si>
    <t>• Fetal hydantoin syndrome</t>
  </si>
  <si>
    <t>• Fetal trimethadione syndrome</t>
  </si>
  <si>
    <t>• Embryofetopathy due to oral anticoagulant therapy</t>
  </si>
  <si>
    <t>• Fetal methylmercury syndrome</t>
  </si>
  <si>
    <t>• Phenobarbital embryopathy</t>
  </si>
  <si>
    <t>• Toluene embryopathy</t>
  </si>
  <si>
    <t>• Methimazole embryofetopathy</t>
  </si>
  <si>
    <t>• Diabetic embryopathy</t>
  </si>
  <si>
    <t>• Maternal hyperphenylalaninemia</t>
  </si>
  <si>
    <t>• Maternal hyperthermia induced birth defects</t>
  </si>
  <si>
    <t>• Isotretinoin syndrome</t>
  </si>
  <si>
    <t>• Syndrome associated with Pierre Robin syndrome</t>
  </si>
  <si>
    <t>• Fragile X syndrome</t>
  </si>
  <si>
    <t>• Neurofibromatosis type 1</t>
  </si>
  <si>
    <t>• Familial segmental neurofibromatosis</t>
  </si>
  <si>
    <t>• Familial spinal neurofibromatosis</t>
  </si>
  <si>
    <t>• 17q11 microdeletion syndrome</t>
  </si>
  <si>
    <t>• Cornelia de Lange syndrome</t>
  </si>
  <si>
    <t>• Smith-Magenis syndrome</t>
  </si>
  <si>
    <t>• Kabuki syndrome</t>
  </si>
  <si>
    <t>• Smith-Lemli-Opitz syndrome</t>
  </si>
  <si>
    <t>• Oral-facial-digital syndrome</t>
  </si>
  <si>
    <t>• -facial-digital syndrome type 8</t>
  </si>
  <si>
    <t>• Oral-facial-digital syndrome type 5</t>
  </si>
  <si>
    <t>• Oral-facial-digital syndrome type 10</t>
  </si>
  <si>
    <t>• Oral-facial-digital syndrome type 7</t>
  </si>
  <si>
    <t>• Oral-facial-digital syndrome type 11</t>
  </si>
  <si>
    <t>• Oral-facial-digital syndrome type 9</t>
  </si>
  <si>
    <t>• Oral-facial-digital syndrome type 12</t>
  </si>
  <si>
    <t>• Orofaciodigital syndrome type 13</t>
  </si>
  <si>
    <t>• Congenital syngnathia</t>
  </si>
  <si>
    <t>• Pinnae and external auditory canal anomaly</t>
  </si>
  <si>
    <t>• Microtia</t>
  </si>
  <si>
    <t>• Anotia</t>
  </si>
  <si>
    <t>• External auditory canal aplasia/hypoplasia</t>
  </si>
  <si>
    <t>• Nose and cavum anomaly</t>
  </si>
  <si>
    <t>• Arrhinia - choanal atresia - microphthalmia</t>
  </si>
  <si>
    <t>• Blepharonasofacial malformation syndrome</t>
  </si>
  <si>
    <t>• Lacrimo-auriculo-dento-digital syndrome</t>
  </si>
  <si>
    <t>• Bifid nose</t>
  </si>
  <si>
    <t>•  ray hypoplasia - choanal atresia</t>
  </si>
  <si>
    <t>• Arrhinia</t>
  </si>
  <si>
    <t>• Intractable diarrhea - choanal atresia - eye anomalies</t>
  </si>
  <si>
    <t>• Choanal atresia</t>
  </si>
  <si>
    <t>• Unilateral choanal atresia</t>
  </si>
  <si>
    <t>• Bilateral choanal atresia</t>
  </si>
  <si>
    <t>• Epignathus</t>
  </si>
  <si>
    <t>• Nasolacrimal duct cyst</t>
  </si>
  <si>
    <t>• Polyrrhinia</t>
  </si>
  <si>
    <t>• Supernumerary nostril</t>
  </si>
  <si>
    <t>• Proboscis lateralis</t>
  </si>
  <si>
    <t>• Nasopharyngeal teratoma</t>
  </si>
  <si>
    <t>• Nasal glial heterotopia</t>
  </si>
  <si>
    <t>• Nasal ganglioglioma</t>
  </si>
  <si>
    <t>• Nasal encephalocele</t>
  </si>
  <si>
    <t>• Craniorhiny</t>
  </si>
  <si>
    <t>• Isolated congenital nasal pyriform aperture stenosis</t>
  </si>
  <si>
    <t>• Congenital nasal pyriform aperture stenosis with holoprosencephaly</t>
  </si>
  <si>
    <t>• BNAR syndrome</t>
  </si>
  <si>
    <t>• Larynx anomaly</t>
  </si>
  <si>
    <t>• Congenital laryngomalacia</t>
  </si>
  <si>
    <t>• Congenital laryngeal web</t>
  </si>
  <si>
    <t>• Larynx atresia</t>
  </si>
  <si>
    <t>• Laryngocele</t>
  </si>
  <si>
    <t>• Laryngo-tracheo-esophageal cleft</t>
  </si>
  <si>
    <t>• Laryngo-tracheo-esophageal cleft type 1</t>
  </si>
  <si>
    <t>• Laryngo-tracheo-esophageal cleft type 2</t>
  </si>
  <si>
    <t>• Laryngo-tracheo-esophageal cleft type 3</t>
  </si>
  <si>
    <t>• Laryngo-tracheo-esophageal cleft type 4</t>
  </si>
  <si>
    <t>• Laryngo-tracheo-esophageal cleft type 0</t>
  </si>
  <si>
    <t>• Tracheo-esophageal fistula - hypospadias</t>
  </si>
  <si>
    <t>• Congenital velopharyngeal incompetence</t>
  </si>
  <si>
    <t>• Laryngeal abductor paralysis</t>
  </si>
  <si>
    <t>• Primary laryngeal lymphangioma</t>
  </si>
  <si>
    <t>• Congenital laryngeal palsy</t>
  </si>
  <si>
    <t>• Laryngotracheal angioma</t>
  </si>
  <si>
    <t>• Congenital subglottic stenosis</t>
  </si>
  <si>
    <t>• Congenital laryngeal cyst</t>
  </si>
  <si>
    <t>• Tracheal anomaly</t>
  </si>
  <si>
    <t>• Laryngo-tracheo-esophageal cleft - pulmonary hypoplasia</t>
  </si>
  <si>
    <t>• Tracheal agenesis</t>
  </si>
  <si>
    <t>• Congenital tracheomalacia</t>
  </si>
  <si>
    <t>• Congenital tracheal stenosis</t>
  </si>
  <si>
    <t>• Middle ear anomaly</t>
  </si>
  <si>
    <t>• Isolated congenital auditory ossicle malformation</t>
  </si>
  <si>
    <t>• Rare otorhinolaryngologic tumor</t>
  </si>
  <si>
    <t>• Nasopharyngeal carcinoma</t>
  </si>
  <si>
    <t>• Laryngeal endocrine tumor</t>
  </si>
  <si>
    <t>• Middle ear endocrine tumor</t>
  </si>
  <si>
    <t>• Idiopathic bilateral vestibulopathy</t>
  </si>
  <si>
    <t>• Mal de debarquement</t>
  </si>
  <si>
    <r>
      <rPr>
        <b/>
        <sz val="12"/>
        <color theme="0"/>
        <rFont val="Calibri"/>
        <family val="2"/>
        <scheme val="minor"/>
      </rPr>
      <t>Seltene HNO-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t>Ergänzende und/oder alternative Vorschläge zur Klassifikation / Gruppierung von seltenen HNO-Erkrankungen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HNO-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5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sz val="10"/>
      <color indexed="63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/>
        <bgColor theme="4" tint="0.59999389629810485"/>
      </patternFill>
    </fill>
    <fill>
      <patternFill patternType="solid">
        <fgColor theme="0"/>
        <bgColor indexed="64"/>
      </patternFill>
    </fill>
    <fill>
      <patternFill patternType="solid">
        <fgColor theme="0"/>
        <bgColor theme="4" tint="0.79998168889431442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BDC8E6"/>
        <bgColor indexed="64"/>
      </patternFill>
    </fill>
  </fills>
  <borders count="40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119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95">
    <xf numFmtId="0" fontId="0" fillId="0" borderId="0" xfId="0"/>
    <xf numFmtId="0" fontId="4" fillId="5" borderId="1" xfId="0" applyFont="1" applyFill="1" applyBorder="1" applyAlignment="1" applyProtection="1">
      <alignment horizontal="center"/>
    </xf>
    <xf numFmtId="0" fontId="0" fillId="5" borderId="2" xfId="0" applyFill="1" applyBorder="1" applyProtection="1"/>
    <xf numFmtId="0" fontId="0" fillId="5" borderId="2" xfId="0" applyFill="1" applyBorder="1" applyAlignment="1" applyProtection="1"/>
    <xf numFmtId="0" fontId="5" fillId="5" borderId="4" xfId="0" applyFont="1" applyFill="1" applyBorder="1" applyAlignment="1" applyProtection="1">
      <alignment horizontal="left"/>
    </xf>
    <xf numFmtId="0" fontId="5" fillId="5" borderId="0" xfId="0" applyFont="1" applyFill="1" applyBorder="1" applyProtection="1"/>
    <xf numFmtId="0" fontId="5" fillId="5" borderId="7" xfId="0" applyFont="1" applyFill="1" applyBorder="1" applyAlignment="1" applyProtection="1">
      <alignment horizontal="center"/>
    </xf>
    <xf numFmtId="0" fontId="5" fillId="5" borderId="8" xfId="0" applyFont="1" applyFill="1" applyBorder="1" applyProtection="1"/>
    <xf numFmtId="0" fontId="5" fillId="5" borderId="8" xfId="0" applyFont="1" applyFill="1" applyBorder="1" applyAlignment="1" applyProtection="1"/>
    <xf numFmtId="0" fontId="0" fillId="5" borderId="8" xfId="0" applyFill="1" applyBorder="1" applyAlignment="1" applyProtection="1"/>
    <xf numFmtId="0" fontId="1" fillId="6" borderId="15" xfId="0" applyFont="1" applyFill="1" applyBorder="1" applyAlignment="1" applyProtection="1">
      <alignment horizontal="center" vertical="top" wrapText="1"/>
    </xf>
    <xf numFmtId="0" fontId="2" fillId="6" borderId="11" xfId="0" applyFont="1" applyFill="1" applyBorder="1" applyAlignment="1" applyProtection="1">
      <alignment horizontal="center" vertical="top" wrapText="1"/>
    </xf>
    <xf numFmtId="0" fontId="2" fillId="6" borderId="17" xfId="0" applyFont="1" applyFill="1" applyBorder="1" applyAlignment="1" applyProtection="1">
      <alignment horizontal="center" vertical="top" wrapText="1"/>
    </xf>
    <xf numFmtId="0" fontId="6" fillId="5" borderId="13" xfId="0" applyFont="1" applyFill="1" applyBorder="1" applyAlignment="1" applyProtection="1">
      <alignment vertical="center"/>
    </xf>
    <xf numFmtId="0" fontId="6" fillId="5" borderId="12" xfId="0" applyFont="1" applyFill="1" applyBorder="1" applyAlignment="1" applyProtection="1">
      <alignment vertical="center"/>
    </xf>
    <xf numFmtId="0" fontId="6" fillId="5" borderId="13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19" xfId="0" applyFont="1" applyFill="1" applyBorder="1" applyAlignment="1" applyProtection="1">
      <alignment vertical="center"/>
      <protection locked="0"/>
    </xf>
    <xf numFmtId="0" fontId="9" fillId="3" borderId="20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5" borderId="0" xfId="0" applyFont="1" applyFill="1" applyBorder="1" applyAlignment="1" applyProtection="1"/>
    <xf numFmtId="0" fontId="0" fillId="5" borderId="0" xfId="0" applyFill="1" applyBorder="1" applyAlignment="1" applyProtection="1"/>
    <xf numFmtId="0" fontId="0" fillId="3" borderId="7" xfId="0" applyFill="1" applyBorder="1" applyAlignment="1" applyProtection="1"/>
    <xf numFmtId="0" fontId="0" fillId="3" borderId="10" xfId="0" applyFill="1" applyBorder="1" applyAlignment="1" applyProtection="1"/>
    <xf numFmtId="0" fontId="0" fillId="3" borderId="11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5" borderId="13" xfId="0" applyFill="1" applyBorder="1" applyAlignment="1" applyProtection="1">
      <alignment vertical="center"/>
    </xf>
    <xf numFmtId="0" fontId="0" fillId="5" borderId="13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6" borderId="28" xfId="0" applyFont="1" applyFill="1" applyBorder="1" applyAlignment="1" applyProtection="1">
      <alignment horizontal="center" vertical="top" wrapText="1"/>
    </xf>
    <xf numFmtId="0" fontId="7" fillId="6" borderId="16" xfId="0" applyFont="1" applyFill="1" applyBorder="1" applyAlignment="1" applyProtection="1">
      <alignment vertical="top" wrapText="1"/>
    </xf>
    <xf numFmtId="0" fontId="2" fillId="6" borderId="10" xfId="0" applyFont="1" applyFill="1" applyBorder="1" applyAlignment="1" applyProtection="1">
      <alignment vertical="top" wrapText="1"/>
    </xf>
    <xf numFmtId="0" fontId="0" fillId="6" borderId="10" xfId="0" applyFill="1" applyBorder="1" applyAlignment="1" applyProtection="1">
      <alignment vertical="top" wrapText="1"/>
    </xf>
    <xf numFmtId="0" fontId="0" fillId="6" borderId="11" xfId="0" applyFill="1" applyBorder="1" applyAlignment="1" applyProtection="1">
      <alignment vertical="top" wrapText="1"/>
    </xf>
    <xf numFmtId="164" fontId="11" fillId="7" borderId="29" xfId="0" applyNumberFormat="1" applyFont="1" applyFill="1" applyBorder="1" applyAlignment="1" applyProtection="1">
      <alignment horizontal="left" vertical="center" wrapText="1"/>
    </xf>
    <xf numFmtId="164" fontId="11" fillId="7" borderId="30" xfId="0" applyNumberFormat="1" applyFont="1" applyFill="1" applyBorder="1" applyAlignment="1" applyProtection="1">
      <alignment horizontal="left" vertical="center" wrapText="1"/>
    </xf>
    <xf numFmtId="164" fontId="11" fillId="7" borderId="31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2" xfId="0" applyFont="1" applyFill="1" applyBorder="1" applyAlignment="1" applyProtection="1">
      <alignment horizontal="center" vertical="center"/>
    </xf>
    <xf numFmtId="164" fontId="11" fillId="6" borderId="33" xfId="0" applyNumberFormat="1" applyFont="1" applyFill="1" applyBorder="1" applyAlignment="1" applyProtection="1">
      <alignment horizontal="left" vertical="center" wrapText="1"/>
    </xf>
    <xf numFmtId="0" fontId="14" fillId="6" borderId="1" xfId="0" applyFont="1" applyFill="1" applyBorder="1" applyAlignment="1" applyProtection="1">
      <alignment vertical="center"/>
    </xf>
    <xf numFmtId="49" fontId="1" fillId="6" borderId="2" xfId="0" applyNumberFormat="1" applyFont="1" applyFill="1" applyBorder="1" applyAlignment="1" applyProtection="1">
      <alignment vertical="top" wrapText="1"/>
    </xf>
    <xf numFmtId="164" fontId="11" fillId="6" borderId="36" xfId="0" applyNumberFormat="1" applyFont="1" applyFill="1" applyBorder="1" applyAlignment="1" applyProtection="1">
      <alignment horizontal="left" vertical="center" wrapText="1"/>
    </xf>
    <xf numFmtId="0" fontId="9" fillId="6" borderId="7" xfId="0" applyFont="1" applyFill="1" applyBorder="1" applyAlignment="1" applyProtection="1">
      <alignment vertical="center"/>
    </xf>
    <xf numFmtId="49" fontId="8" fillId="6" borderId="8" xfId="0" applyNumberFormat="1" applyFont="1" applyFill="1" applyBorder="1" applyAlignment="1" applyProtection="1">
      <alignment vertical="top" wrapText="1"/>
    </xf>
    <xf numFmtId="0" fontId="9" fillId="3" borderId="32" xfId="0" applyFont="1" applyFill="1" applyBorder="1" applyAlignment="1" applyProtection="1">
      <alignment vertical="center"/>
    </xf>
    <xf numFmtId="0" fontId="9" fillId="3" borderId="13" xfId="0" applyFont="1" applyFill="1" applyBorder="1" applyAlignment="1" applyProtection="1">
      <alignment vertical="center"/>
    </xf>
    <xf numFmtId="0" fontId="9" fillId="3" borderId="39" xfId="0" applyFont="1" applyFill="1" applyBorder="1" applyAlignment="1" applyProtection="1">
      <alignment horizontal="center" vertical="center"/>
    </xf>
    <xf numFmtId="0" fontId="9" fillId="3" borderId="22" xfId="0" applyFont="1" applyFill="1" applyBorder="1" applyAlignment="1" applyProtection="1">
      <alignment vertical="center"/>
      <protection locked="0"/>
    </xf>
    <xf numFmtId="0" fontId="9" fillId="3" borderId="26" xfId="0" applyFont="1" applyFill="1" applyBorder="1" applyAlignment="1" applyProtection="1">
      <alignment vertical="center"/>
      <protection locked="0"/>
    </xf>
    <xf numFmtId="0" fontId="0" fillId="3" borderId="27" xfId="0" applyFill="1" applyBorder="1" applyAlignment="1" applyProtection="1">
      <protection locked="0"/>
    </xf>
    <xf numFmtId="0" fontId="0" fillId="0" borderId="5" xfId="0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3" borderId="12" xfId="0" applyFill="1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3" borderId="19" xfId="0" applyFill="1" applyBorder="1" applyProtection="1">
      <protection locked="0"/>
    </xf>
    <xf numFmtId="0" fontId="0" fillId="3" borderId="20" xfId="0" applyFill="1" applyBorder="1" applyProtection="1">
      <protection locked="0"/>
    </xf>
    <xf numFmtId="0" fontId="0" fillId="3" borderId="22" xfId="0" applyFill="1" applyBorder="1" applyProtection="1">
      <protection locked="0"/>
    </xf>
    <xf numFmtId="0" fontId="0" fillId="3" borderId="26" xfId="0" applyFill="1" applyBorder="1" applyProtection="1">
      <protection locked="0"/>
    </xf>
    <xf numFmtId="0" fontId="9" fillId="3" borderId="18" xfId="0" applyFont="1" applyFill="1" applyBorder="1" applyAlignment="1" applyProtection="1">
      <alignment horizontal="center" vertical="center"/>
    </xf>
    <xf numFmtId="0" fontId="9" fillId="2" borderId="12" xfId="0" applyFont="1" applyFill="1" applyBorder="1" applyAlignment="1" applyProtection="1">
      <alignment vertical="center"/>
    </xf>
    <xf numFmtId="49" fontId="10" fillId="2" borderId="13" xfId="0" applyNumberFormat="1" applyFont="1" applyFill="1" applyBorder="1" applyAlignment="1" applyProtection="1">
      <alignment vertical="center"/>
    </xf>
    <xf numFmtId="49" fontId="9" fillId="2" borderId="13" xfId="0" applyNumberFormat="1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0" fontId="9" fillId="4" borderId="12" xfId="0" applyFont="1" applyFill="1" applyBorder="1" applyAlignment="1" applyProtection="1">
      <alignment vertical="center"/>
    </xf>
    <xf numFmtId="49" fontId="9" fillId="4" borderId="13" xfId="0" applyNumberFormat="1" applyFont="1" applyFill="1" applyBorder="1" applyAlignment="1" applyProtection="1">
      <alignment vertical="center"/>
    </xf>
    <xf numFmtId="0" fontId="9" fillId="3" borderId="18" xfId="0" applyFont="1" applyFill="1" applyBorder="1" applyAlignment="1" applyProtection="1">
      <alignment vertical="center"/>
    </xf>
    <xf numFmtId="0" fontId="0" fillId="3" borderId="18" xfId="0" applyFill="1" applyBorder="1" applyAlignment="1" applyProtection="1">
      <alignment horizontal="center"/>
    </xf>
    <xf numFmtId="0" fontId="0" fillId="3" borderId="13" xfId="0" applyFill="1" applyBorder="1" applyProtection="1"/>
    <xf numFmtId="0" fontId="0" fillId="3" borderId="14" xfId="0" applyFill="1" applyBorder="1" applyProtection="1"/>
    <xf numFmtId="0" fontId="0" fillId="3" borderId="21" xfId="0" applyFill="1" applyBorder="1" applyAlignment="1" applyProtection="1">
      <alignment horizontal="center"/>
    </xf>
    <xf numFmtId="0" fontId="9" fillId="4" borderId="23" xfId="0" applyFont="1" applyFill="1" applyBorder="1" applyAlignment="1" applyProtection="1">
      <alignment vertical="center"/>
    </xf>
    <xf numFmtId="49" fontId="9" fillId="4" borderId="24" xfId="0" applyNumberFormat="1" applyFont="1" applyFill="1" applyBorder="1" applyAlignment="1" applyProtection="1">
      <alignment vertical="center"/>
    </xf>
    <xf numFmtId="0" fontId="0" fillId="3" borderId="24" xfId="0" applyFill="1" applyBorder="1" applyProtection="1"/>
    <xf numFmtId="0" fontId="0" fillId="3" borderId="25" xfId="0" applyFill="1" applyBorder="1" applyProtection="1"/>
    <xf numFmtId="0" fontId="12" fillId="3" borderId="0" xfId="0" applyFont="1" applyFill="1" applyProtection="1"/>
    <xf numFmtId="0" fontId="9" fillId="3" borderId="12" xfId="0" applyFont="1" applyFill="1" applyBorder="1" applyAlignment="1" applyProtection="1">
      <alignment vertical="center"/>
      <protection locked="0"/>
    </xf>
    <xf numFmtId="0" fontId="9" fillId="3" borderId="23" xfId="0" applyFont="1" applyFill="1" applyBorder="1" applyAlignment="1" applyProtection="1">
      <alignment vertical="center"/>
      <protection locked="0"/>
    </xf>
    <xf numFmtId="0" fontId="0" fillId="0" borderId="24" xfId="0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2" fillId="6" borderId="2" xfId="0" applyFont="1" applyFill="1" applyBorder="1" applyAlignment="1" applyProtection="1">
      <alignment vertical="top" wrapText="1"/>
    </xf>
    <xf numFmtId="0" fontId="2" fillId="6" borderId="3" xfId="0" applyFont="1" applyFill="1" applyBorder="1" applyAlignment="1" applyProtection="1">
      <alignment vertical="top" wrapText="1"/>
    </xf>
    <xf numFmtId="0" fontId="9" fillId="6" borderId="34" xfId="0" applyFont="1" applyFill="1" applyBorder="1" applyAlignment="1" applyProtection="1">
      <alignment vertical="center"/>
    </xf>
    <xf numFmtId="0" fontId="9" fillId="6" borderId="35" xfId="0" applyFont="1" applyFill="1" applyBorder="1" applyAlignment="1" applyProtection="1">
      <alignment vertical="center"/>
    </xf>
    <xf numFmtId="0" fontId="2" fillId="6" borderId="8" xfId="0" applyFont="1" applyFill="1" applyBorder="1" applyAlignment="1" applyProtection="1">
      <alignment vertical="top" wrapText="1"/>
    </xf>
    <xf numFmtId="0" fontId="2" fillId="6" borderId="9" xfId="0" applyFont="1" applyFill="1" applyBorder="1" applyAlignment="1" applyProtection="1">
      <alignment vertical="top" wrapText="1"/>
    </xf>
    <xf numFmtId="0" fontId="9" fillId="6" borderId="37" xfId="0" applyFont="1" applyFill="1" applyBorder="1" applyAlignment="1" applyProtection="1">
      <alignment vertical="center"/>
    </xf>
    <xf numFmtId="0" fontId="9" fillId="6" borderId="38" xfId="0" applyFont="1" applyFill="1" applyBorder="1" applyAlignment="1" applyProtection="1">
      <alignment vertical="center"/>
    </xf>
  </cellXfs>
  <cellStyles count="119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Besuchter Hyperlink" xfId="92" builtinId="9" hidden="1"/>
    <cellStyle name="Besuchter Hyperlink" xfId="93" builtinId="9" hidden="1"/>
    <cellStyle name="Besuchter Hyperlink" xfId="94" builtinId="9" hidden="1"/>
    <cellStyle name="Besuchter Hyperlink" xfId="95" builtinId="9" hidden="1"/>
    <cellStyle name="Besuchter Hyperlink" xfId="96" builtinId="9" hidden="1"/>
    <cellStyle name="Besuchter Hyperlink" xfId="97" builtinId="9" hidden="1"/>
    <cellStyle name="Besuchter Hyperlink" xfId="98" builtinId="9" hidden="1"/>
    <cellStyle name="Besuchter Hyperlink" xfId="99" builtinId="9" hidden="1"/>
    <cellStyle name="Besuchter Hyperlink" xfId="100" builtinId="9" hidden="1"/>
    <cellStyle name="Besuchter Hyperlink" xfId="101" builtinId="9" hidden="1"/>
    <cellStyle name="Besuchter Hyperlink" xfId="102" builtinId="9" hidden="1"/>
    <cellStyle name="Besuchter Hyperlink" xfId="103" builtinId="9" hidden="1"/>
    <cellStyle name="Besuchter Hyperlink" xfId="104" builtinId="9" hidden="1"/>
    <cellStyle name="Besuchter Hyperlink" xfId="105" builtinId="9" hidden="1"/>
    <cellStyle name="Besuchter Hyperlink" xfId="106" builtinId="9" hidden="1"/>
    <cellStyle name="Besuchter Hyperlink" xfId="107" builtinId="9" hidden="1"/>
    <cellStyle name="Besuchter Hyperlink" xfId="108" builtinId="9" hidden="1"/>
    <cellStyle name="Besuchter Hyperlink" xfId="109" builtinId="9" hidden="1"/>
    <cellStyle name="Besuchter Hyperlink" xfId="110" builtinId="9" hidden="1"/>
    <cellStyle name="Besuchter Hyperlink" xfId="111" builtinId="9" hidden="1"/>
    <cellStyle name="Besuchter Hyperlink" xfId="112" builtinId="9" hidden="1"/>
    <cellStyle name="Besuchter Hyperlink" xfId="113" builtinId="9" hidden="1"/>
    <cellStyle name="Besuchter Hyperlink" xfId="114" builtinId="9" hidden="1"/>
    <cellStyle name="Besuchter Hyperlink" xfId="115" builtinId="9" hidden="1"/>
    <cellStyle name="Besuchter Hyperlink" xfId="116" builtinId="9" hidden="1"/>
    <cellStyle name="Besuchter Hyperlink" xfId="117" builtinId="9" hidden="1"/>
    <cellStyle name="Besuchter Hyperlink" xfId="118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O414"/>
  <sheetViews>
    <sheetView tabSelected="1" topLeftCell="C1" zoomScale="90" zoomScaleNormal="90" workbookViewId="0">
      <pane ySplit="9" topLeftCell="A10" activePane="bottomLeft" state="frozen"/>
      <selection activeCell="B1" sqref="B1"/>
      <selection pane="bottomLeft" activeCell="L3" sqref="L3:O3"/>
    </sheetView>
  </sheetViews>
  <sheetFormatPr baseColWidth="10" defaultRowHeight="15"/>
  <cols>
    <col min="1" max="1" width="11.42578125" style="17" hidden="1" customWidth="1"/>
    <col min="2" max="2" width="6.42578125" style="18" hidden="1" customWidth="1"/>
    <col min="3" max="3" width="10.85546875" style="17" customWidth="1"/>
    <col min="4" max="4" width="1.42578125" style="17" customWidth="1"/>
    <col min="5" max="12" width="3.5703125" style="17" customWidth="1"/>
    <col min="13" max="13" width="100.7109375" style="17" customWidth="1"/>
    <col min="14" max="14" width="20.85546875" style="17" customWidth="1"/>
    <col min="15" max="15" width="24.28515625" style="17" customWidth="1"/>
    <col min="16" max="16384" width="11.42578125" style="17"/>
  </cols>
  <sheetData>
    <row r="1" spans="2:15" ht="5.25" customHeight="1">
      <c r="B1" s="16"/>
      <c r="F1" s="18"/>
      <c r="G1" s="18"/>
      <c r="H1" s="18"/>
    </row>
    <row r="2" spans="2:15" ht="4.5" customHeight="1">
      <c r="B2" s="17"/>
      <c r="C2" s="1"/>
      <c r="D2" s="2"/>
      <c r="E2" s="2"/>
      <c r="F2" s="3"/>
      <c r="G2" s="3"/>
      <c r="H2" s="3"/>
      <c r="I2" s="3"/>
      <c r="J2" s="3"/>
      <c r="K2" s="3"/>
      <c r="L2" s="22"/>
      <c r="M2" s="19"/>
      <c r="N2" s="19"/>
      <c r="O2" s="23"/>
    </row>
    <row r="3" spans="2:15" s="24" customFormat="1" ht="21.75" thickBot="1">
      <c r="C3" s="4" t="s">
        <v>1</v>
      </c>
      <c r="D3" s="5"/>
      <c r="E3" s="5"/>
      <c r="F3" s="25"/>
      <c r="G3" s="26"/>
      <c r="H3" s="26"/>
      <c r="I3" s="26"/>
      <c r="J3" s="26"/>
      <c r="K3" s="26"/>
      <c r="L3" s="56"/>
      <c r="M3" s="57"/>
      <c r="N3" s="57"/>
      <c r="O3" s="58"/>
    </row>
    <row r="4" spans="2:15" s="24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7"/>
      <c r="M4" s="28"/>
      <c r="N4" s="28"/>
      <c r="O4" s="29"/>
    </row>
    <row r="5" spans="2:15" ht="7.5" customHeight="1">
      <c r="B5" s="17"/>
      <c r="C5" s="18"/>
      <c r="G5" s="18"/>
      <c r="H5" s="18"/>
      <c r="I5" s="18"/>
      <c r="J5" s="18"/>
      <c r="K5" s="18"/>
      <c r="M5" s="30"/>
      <c r="N5" s="30"/>
      <c r="O5" s="30"/>
    </row>
    <row r="6" spans="2:15" s="31" customFormat="1" ht="22.5" customHeight="1">
      <c r="C6" s="14" t="s">
        <v>2</v>
      </c>
      <c r="D6" s="15"/>
      <c r="E6" s="32"/>
      <c r="F6" s="13"/>
      <c r="G6" s="33"/>
      <c r="H6" s="33"/>
      <c r="I6" s="33"/>
      <c r="J6" s="33"/>
      <c r="K6" s="33"/>
      <c r="L6" s="59"/>
      <c r="M6" s="60"/>
      <c r="N6" s="60"/>
      <c r="O6" s="61"/>
    </row>
    <row r="7" spans="2:15" s="31" customFormat="1" ht="22.5" customHeight="1">
      <c r="C7" s="14" t="s">
        <v>3</v>
      </c>
      <c r="D7" s="15"/>
      <c r="E7" s="32"/>
      <c r="F7" s="13"/>
      <c r="G7" s="33"/>
      <c r="H7" s="33"/>
      <c r="I7" s="33"/>
      <c r="J7" s="33"/>
      <c r="K7" s="33"/>
      <c r="L7" s="59"/>
      <c r="M7" s="60"/>
      <c r="N7" s="60"/>
      <c r="O7" s="61"/>
    </row>
    <row r="8" spans="2:15" ht="7.5" customHeight="1" thickBot="1">
      <c r="F8" s="18"/>
      <c r="G8" s="18"/>
      <c r="H8" s="18"/>
    </row>
    <row r="9" spans="2:15" s="34" customFormat="1" ht="45" customHeight="1">
      <c r="B9" s="35" t="s">
        <v>4</v>
      </c>
      <c r="C9" s="10" t="s">
        <v>5</v>
      </c>
      <c r="D9" s="36"/>
      <c r="E9" s="37" t="s">
        <v>351</v>
      </c>
      <c r="F9" s="38"/>
      <c r="G9" s="38"/>
      <c r="H9" s="38"/>
      <c r="I9" s="38"/>
      <c r="J9" s="38"/>
      <c r="K9" s="38"/>
      <c r="L9" s="38"/>
      <c r="M9" s="39"/>
      <c r="N9" s="11" t="s">
        <v>6</v>
      </c>
      <c r="O9" s="12" t="s">
        <v>7</v>
      </c>
    </row>
    <row r="10" spans="2:15" s="43" customFormat="1" ht="15.75" customHeight="1">
      <c r="B10" s="66"/>
      <c r="C10" s="40">
        <v>98036</v>
      </c>
      <c r="D10" s="67"/>
      <c r="E10" s="68" t="s">
        <v>0</v>
      </c>
      <c r="F10" s="52"/>
      <c r="G10" s="69"/>
      <c r="H10" s="69"/>
      <c r="I10" s="69"/>
      <c r="J10" s="69"/>
      <c r="K10" s="69"/>
      <c r="L10" s="52"/>
      <c r="M10" s="70"/>
      <c r="N10" s="20"/>
      <c r="O10" s="21"/>
    </row>
    <row r="11" spans="2:15" s="43" customFormat="1" ht="15" customHeight="1">
      <c r="B11" s="66"/>
      <c r="C11" s="40">
        <v>922</v>
      </c>
      <c r="D11" s="67"/>
      <c r="E11" s="69"/>
      <c r="F11" s="69" t="s">
        <v>8</v>
      </c>
      <c r="G11" s="69"/>
      <c r="H11" s="69"/>
      <c r="I11" s="69"/>
      <c r="J11" s="69"/>
      <c r="K11" s="69"/>
      <c r="L11" s="52"/>
      <c r="M11" s="70"/>
      <c r="N11" s="20"/>
      <c r="O11" s="21"/>
    </row>
    <row r="12" spans="2:15" s="43" customFormat="1" ht="15" customHeight="1">
      <c r="B12" s="66"/>
      <c r="C12" s="40">
        <v>68361</v>
      </c>
      <c r="D12" s="71"/>
      <c r="E12" s="72"/>
      <c r="F12" s="72" t="s">
        <v>9</v>
      </c>
      <c r="G12" s="52"/>
      <c r="H12" s="52"/>
      <c r="I12" s="72"/>
      <c r="J12" s="72"/>
      <c r="K12" s="72"/>
      <c r="L12" s="52"/>
      <c r="M12" s="70"/>
      <c r="N12" s="20"/>
      <c r="O12" s="21"/>
    </row>
    <row r="13" spans="2:15" s="43" customFormat="1" ht="15" customHeight="1">
      <c r="B13" s="66"/>
      <c r="C13" s="40">
        <v>96210</v>
      </c>
      <c r="D13" s="71"/>
      <c r="E13" s="72"/>
      <c r="F13" s="72"/>
      <c r="G13" s="72" t="s">
        <v>10</v>
      </c>
      <c r="H13" s="52"/>
      <c r="I13" s="72"/>
      <c r="J13" s="72"/>
      <c r="K13" s="72"/>
      <c r="L13" s="52"/>
      <c r="M13" s="70"/>
      <c r="N13" s="20"/>
      <c r="O13" s="21"/>
    </row>
    <row r="14" spans="2:15" s="43" customFormat="1" ht="15" customHeight="1">
      <c r="B14" s="66"/>
      <c r="C14" s="40">
        <v>324321</v>
      </c>
      <c r="D14" s="71"/>
      <c r="E14" s="72"/>
      <c r="F14" s="72"/>
      <c r="G14" s="72"/>
      <c r="H14" s="72" t="s">
        <v>11</v>
      </c>
      <c r="I14" s="72"/>
      <c r="J14" s="72"/>
      <c r="K14" s="72"/>
      <c r="L14" s="52"/>
      <c r="M14" s="70"/>
      <c r="N14" s="20"/>
      <c r="O14" s="21"/>
    </row>
    <row r="15" spans="2:15" s="43" customFormat="1" ht="15" customHeight="1">
      <c r="B15" s="66"/>
      <c r="C15" s="40">
        <v>87884</v>
      </c>
      <c r="D15" s="67"/>
      <c r="E15" s="69"/>
      <c r="F15" s="69"/>
      <c r="G15" s="69"/>
      <c r="H15" s="69" t="s">
        <v>12</v>
      </c>
      <c r="I15" s="52"/>
      <c r="J15" s="52"/>
      <c r="K15" s="69"/>
      <c r="L15" s="52"/>
      <c r="M15" s="70"/>
      <c r="N15" s="20"/>
      <c r="O15" s="21"/>
    </row>
    <row r="16" spans="2:15" s="43" customFormat="1" ht="15" customHeight="1">
      <c r="B16" s="66"/>
      <c r="C16" s="40">
        <v>216445</v>
      </c>
      <c r="D16" s="67"/>
      <c r="E16" s="69"/>
      <c r="F16" s="69"/>
      <c r="G16" s="69"/>
      <c r="H16" s="69"/>
      <c r="I16" s="69" t="s">
        <v>13</v>
      </c>
      <c r="J16" s="52"/>
      <c r="K16" s="69"/>
      <c r="L16" s="52"/>
      <c r="M16" s="70"/>
      <c r="N16" s="20"/>
      <c r="O16" s="21"/>
    </row>
    <row r="17" spans="2:15" s="43" customFormat="1" ht="15" customHeight="1">
      <c r="B17" s="66"/>
      <c r="C17" s="40">
        <v>383</v>
      </c>
      <c r="D17" s="67"/>
      <c r="E17" s="69"/>
      <c r="F17" s="69"/>
      <c r="G17" s="69"/>
      <c r="H17" s="69"/>
      <c r="I17" s="69"/>
      <c r="J17" s="69" t="s">
        <v>14</v>
      </c>
      <c r="K17" s="69"/>
      <c r="L17" s="52"/>
      <c r="M17" s="70"/>
      <c r="N17" s="20"/>
      <c r="O17" s="21"/>
    </row>
    <row r="18" spans="2:15" s="43" customFormat="1" ht="15" customHeight="1">
      <c r="B18" s="66"/>
      <c r="C18" s="40">
        <v>90625</v>
      </c>
      <c r="D18" s="71"/>
      <c r="E18" s="72"/>
      <c r="F18" s="72"/>
      <c r="G18" s="72"/>
      <c r="H18" s="72"/>
      <c r="I18" s="72"/>
      <c r="J18" s="72" t="s">
        <v>15</v>
      </c>
      <c r="K18" s="72"/>
      <c r="L18" s="52"/>
      <c r="M18" s="70"/>
      <c r="N18" s="20"/>
      <c r="O18" s="21"/>
    </row>
    <row r="19" spans="2:15" s="43" customFormat="1" ht="15" customHeight="1">
      <c r="B19" s="66"/>
      <c r="C19" s="40">
        <v>90635</v>
      </c>
      <c r="D19" s="67"/>
      <c r="E19" s="69"/>
      <c r="F19" s="69"/>
      <c r="G19" s="69"/>
      <c r="H19" s="69"/>
      <c r="I19" s="69"/>
      <c r="J19" s="69" t="s">
        <v>16</v>
      </c>
      <c r="K19" s="69"/>
      <c r="L19" s="52"/>
      <c r="M19" s="70"/>
      <c r="N19" s="20"/>
      <c r="O19" s="21"/>
    </row>
    <row r="20" spans="2:15" s="43" customFormat="1" ht="15" customHeight="1">
      <c r="B20" s="66"/>
      <c r="C20" s="40">
        <v>90636</v>
      </c>
      <c r="D20" s="71"/>
      <c r="E20" s="72"/>
      <c r="F20" s="72"/>
      <c r="G20" s="72"/>
      <c r="H20" s="72"/>
      <c r="I20" s="72"/>
      <c r="J20" s="72" t="s">
        <v>17</v>
      </c>
      <c r="K20" s="72"/>
      <c r="L20" s="52"/>
      <c r="M20" s="70"/>
      <c r="N20" s="20"/>
      <c r="O20" s="21"/>
    </row>
    <row r="21" spans="2:15" s="43" customFormat="1" ht="15" customHeight="1">
      <c r="B21" s="66"/>
      <c r="C21" s="40">
        <v>90641</v>
      </c>
      <c r="D21" s="67"/>
      <c r="E21" s="69"/>
      <c r="F21" s="69"/>
      <c r="G21" s="69"/>
      <c r="H21" s="69"/>
      <c r="I21" s="69"/>
      <c r="J21" s="69" t="s">
        <v>18</v>
      </c>
      <c r="K21" s="69"/>
      <c r="L21" s="52"/>
      <c r="M21" s="70"/>
      <c r="N21" s="20"/>
      <c r="O21" s="21"/>
    </row>
    <row r="22" spans="2:15" s="43" customFormat="1" ht="15" customHeight="1">
      <c r="B22" s="66"/>
      <c r="C22" s="40">
        <v>216452</v>
      </c>
      <c r="D22" s="71"/>
      <c r="E22" s="72"/>
      <c r="F22" s="72"/>
      <c r="G22" s="72"/>
      <c r="H22" s="72"/>
      <c r="I22" s="72" t="s">
        <v>19</v>
      </c>
      <c r="J22" s="52"/>
      <c r="K22" s="72"/>
      <c r="L22" s="52"/>
      <c r="M22" s="70"/>
      <c r="N22" s="20"/>
      <c r="O22" s="21"/>
    </row>
    <row r="23" spans="2:15" s="43" customFormat="1" ht="15" customHeight="1">
      <c r="B23" s="66"/>
      <c r="C23" s="40">
        <v>90625</v>
      </c>
      <c r="D23" s="71"/>
      <c r="E23" s="72"/>
      <c r="F23" s="72"/>
      <c r="G23" s="72"/>
      <c r="H23" s="72"/>
      <c r="I23" s="72"/>
      <c r="J23" s="72" t="s">
        <v>15</v>
      </c>
      <c r="K23" s="72"/>
      <c r="L23" s="52"/>
      <c r="M23" s="70"/>
      <c r="N23" s="20"/>
      <c r="O23" s="21"/>
    </row>
    <row r="24" spans="2:15" s="43" customFormat="1" ht="15" customHeight="1">
      <c r="B24" s="66"/>
      <c r="C24" s="40">
        <v>90635</v>
      </c>
      <c r="D24" s="67"/>
      <c r="E24" s="69"/>
      <c r="F24" s="69"/>
      <c r="G24" s="69"/>
      <c r="H24" s="69"/>
      <c r="I24" s="69"/>
      <c r="J24" s="69" t="s">
        <v>16</v>
      </c>
      <c r="K24" s="69"/>
      <c r="L24" s="52"/>
      <c r="M24" s="70"/>
      <c r="N24" s="20"/>
      <c r="O24" s="21"/>
    </row>
    <row r="25" spans="2:15" s="43" customFormat="1" ht="15" customHeight="1">
      <c r="B25" s="66"/>
      <c r="C25" s="40">
        <v>90636</v>
      </c>
      <c r="D25" s="71"/>
      <c r="E25" s="72"/>
      <c r="F25" s="72"/>
      <c r="G25" s="72"/>
      <c r="H25" s="72"/>
      <c r="I25" s="72"/>
      <c r="J25" s="72" t="s">
        <v>17</v>
      </c>
      <c r="K25" s="72"/>
      <c r="L25" s="52"/>
      <c r="M25" s="70"/>
      <c r="N25" s="20"/>
      <c r="O25" s="21"/>
    </row>
    <row r="26" spans="2:15" s="43" customFormat="1" ht="15" customHeight="1">
      <c r="B26" s="66"/>
      <c r="C26" s="40">
        <v>90641</v>
      </c>
      <c r="D26" s="67"/>
      <c r="E26" s="69"/>
      <c r="F26" s="69"/>
      <c r="G26" s="69"/>
      <c r="H26" s="69"/>
      <c r="I26" s="69"/>
      <c r="J26" s="69" t="s">
        <v>18</v>
      </c>
      <c r="K26" s="69"/>
      <c r="L26" s="52"/>
      <c r="M26" s="70"/>
      <c r="N26" s="20"/>
      <c r="O26" s="21"/>
    </row>
    <row r="27" spans="2:15" s="43" customFormat="1" ht="15" customHeight="1">
      <c r="B27" s="66"/>
      <c r="C27" s="40">
        <v>168609</v>
      </c>
      <c r="D27" s="71"/>
      <c r="E27" s="72"/>
      <c r="F27" s="72"/>
      <c r="G27" s="72"/>
      <c r="H27" s="72"/>
      <c r="I27" s="72"/>
      <c r="J27" s="72" t="s">
        <v>20</v>
      </c>
      <c r="K27" s="72"/>
      <c r="L27" s="52"/>
      <c r="M27" s="70"/>
      <c r="N27" s="20"/>
      <c r="O27" s="21"/>
    </row>
    <row r="28" spans="2:15" s="43" customFormat="1" ht="15" customHeight="1">
      <c r="B28" s="66"/>
      <c r="C28" s="40">
        <v>90642</v>
      </c>
      <c r="D28" s="67"/>
      <c r="E28" s="69"/>
      <c r="F28" s="69"/>
      <c r="G28" s="69"/>
      <c r="H28" s="69" t="s">
        <v>21</v>
      </c>
      <c r="I28" s="52"/>
      <c r="J28" s="69"/>
      <c r="K28" s="69"/>
      <c r="L28" s="52"/>
      <c r="M28" s="70"/>
      <c r="N28" s="20"/>
      <c r="O28" s="21"/>
    </row>
    <row r="29" spans="2:15" s="43" customFormat="1" ht="15" customHeight="1">
      <c r="B29" s="66"/>
      <c r="C29" s="40">
        <v>480</v>
      </c>
      <c r="D29" s="67"/>
      <c r="E29" s="69"/>
      <c r="F29" s="69"/>
      <c r="G29" s="69"/>
      <c r="H29" s="69"/>
      <c r="I29" s="69" t="s">
        <v>22</v>
      </c>
      <c r="J29" s="69"/>
      <c r="K29" s="69"/>
      <c r="L29" s="52"/>
      <c r="M29" s="70"/>
      <c r="N29" s="20"/>
      <c r="O29" s="21"/>
    </row>
    <row r="30" spans="2:15" s="43" customFormat="1" ht="15" customHeight="1">
      <c r="B30" s="66"/>
      <c r="C30" s="40">
        <v>550</v>
      </c>
      <c r="D30" s="71"/>
      <c r="E30" s="72"/>
      <c r="F30" s="72"/>
      <c r="G30" s="72"/>
      <c r="H30" s="72"/>
      <c r="I30" s="72" t="s">
        <v>23</v>
      </c>
      <c r="J30" s="72"/>
      <c r="K30" s="72"/>
      <c r="L30" s="52"/>
      <c r="M30" s="70"/>
      <c r="N30" s="20"/>
      <c r="O30" s="21"/>
    </row>
    <row r="31" spans="2:15" s="43" customFormat="1" ht="15" customHeight="1">
      <c r="B31" s="66"/>
      <c r="C31" s="40">
        <v>138</v>
      </c>
      <c r="D31" s="67"/>
      <c r="E31" s="69"/>
      <c r="F31" s="69"/>
      <c r="G31" s="69"/>
      <c r="H31" s="69"/>
      <c r="I31" s="69" t="s">
        <v>24</v>
      </c>
      <c r="J31" s="69"/>
      <c r="K31" s="69"/>
      <c r="L31" s="52"/>
      <c r="M31" s="70"/>
      <c r="N31" s="20"/>
      <c r="O31" s="21"/>
    </row>
    <row r="32" spans="2:15" s="43" customFormat="1" ht="15" customHeight="1">
      <c r="B32" s="66"/>
      <c r="C32" s="40">
        <v>567</v>
      </c>
      <c r="D32" s="71"/>
      <c r="E32" s="72"/>
      <c r="F32" s="72"/>
      <c r="G32" s="72"/>
      <c r="H32" s="72"/>
      <c r="I32" s="72" t="s">
        <v>25</v>
      </c>
      <c r="J32" s="72"/>
      <c r="K32" s="72"/>
      <c r="L32" s="52"/>
      <c r="M32" s="70"/>
      <c r="N32" s="20"/>
      <c r="O32" s="21"/>
    </row>
    <row r="33" spans="2:15" s="43" customFormat="1" ht="15" customHeight="1">
      <c r="B33" s="66"/>
      <c r="C33" s="40">
        <v>649</v>
      </c>
      <c r="D33" s="67"/>
      <c r="E33" s="69"/>
      <c r="F33" s="69"/>
      <c r="G33" s="69"/>
      <c r="H33" s="69"/>
      <c r="I33" s="69" t="s">
        <v>26</v>
      </c>
      <c r="J33" s="69"/>
      <c r="K33" s="69"/>
      <c r="L33" s="52"/>
      <c r="M33" s="70"/>
      <c r="N33" s="20"/>
      <c r="O33" s="21"/>
    </row>
    <row r="34" spans="2:15" s="43" customFormat="1" ht="15" customHeight="1">
      <c r="B34" s="66"/>
      <c r="C34" s="40">
        <v>857</v>
      </c>
      <c r="D34" s="71"/>
      <c r="E34" s="72"/>
      <c r="F34" s="72"/>
      <c r="G34" s="72"/>
      <c r="H34" s="72"/>
      <c r="I34" s="72" t="s">
        <v>27</v>
      </c>
      <c r="J34" s="72"/>
      <c r="K34" s="72"/>
      <c r="L34" s="52"/>
      <c r="M34" s="70"/>
      <c r="N34" s="20"/>
      <c r="O34" s="21"/>
    </row>
    <row r="35" spans="2:15" s="43" customFormat="1" ht="15" customHeight="1">
      <c r="B35" s="66"/>
      <c r="C35" s="40">
        <v>107</v>
      </c>
      <c r="D35" s="67"/>
      <c r="E35" s="69"/>
      <c r="F35" s="69"/>
      <c r="G35" s="69"/>
      <c r="H35" s="69"/>
      <c r="I35" s="69" t="s">
        <v>28</v>
      </c>
      <c r="J35" s="69"/>
      <c r="K35" s="69"/>
      <c r="L35" s="52"/>
      <c r="M35" s="70"/>
      <c r="N35" s="20"/>
      <c r="O35" s="21"/>
    </row>
    <row r="36" spans="2:15" s="43" customFormat="1" ht="15" customHeight="1">
      <c r="B36" s="66"/>
      <c r="C36" s="40">
        <v>861</v>
      </c>
      <c r="D36" s="71"/>
      <c r="E36" s="72"/>
      <c r="F36" s="72"/>
      <c r="G36" s="72"/>
      <c r="H36" s="72"/>
      <c r="I36" s="72" t="s">
        <v>29</v>
      </c>
      <c r="J36" s="72"/>
      <c r="K36" s="72"/>
      <c r="L36" s="52"/>
      <c r="M36" s="70"/>
      <c r="N36" s="20"/>
      <c r="O36" s="21"/>
    </row>
    <row r="37" spans="2:15" s="43" customFormat="1" ht="15" customHeight="1">
      <c r="B37" s="66"/>
      <c r="C37" s="40">
        <v>998</v>
      </c>
      <c r="D37" s="67"/>
      <c r="E37" s="69"/>
      <c r="F37" s="69"/>
      <c r="G37" s="69"/>
      <c r="H37" s="69"/>
      <c r="I37" s="69" t="s">
        <v>30</v>
      </c>
      <c r="J37" s="69"/>
      <c r="K37" s="69"/>
      <c r="L37" s="52"/>
      <c r="M37" s="70"/>
      <c r="N37" s="20"/>
      <c r="O37" s="21"/>
    </row>
    <row r="38" spans="2:15" s="43" customFormat="1" ht="15" customHeight="1">
      <c r="B38" s="66"/>
      <c r="C38" s="40">
        <v>999</v>
      </c>
      <c r="D38" s="71"/>
      <c r="E38" s="72"/>
      <c r="F38" s="72"/>
      <c r="G38" s="72"/>
      <c r="H38" s="72"/>
      <c r="I38" s="72" t="s">
        <v>31</v>
      </c>
      <c r="J38" s="72"/>
      <c r="K38" s="72"/>
      <c r="L38" s="52"/>
      <c r="M38" s="70"/>
      <c r="N38" s="20"/>
      <c r="O38" s="21"/>
    </row>
    <row r="39" spans="2:15" s="43" customFormat="1" ht="15" customHeight="1">
      <c r="B39" s="66"/>
      <c r="C39" s="40">
        <v>1000</v>
      </c>
      <c r="D39" s="67"/>
      <c r="E39" s="69"/>
      <c r="F39" s="69"/>
      <c r="G39" s="69"/>
      <c r="H39" s="69"/>
      <c r="I39" s="69" t="s">
        <v>32</v>
      </c>
      <c r="J39" s="69"/>
      <c r="K39" s="69"/>
      <c r="L39" s="52"/>
      <c r="M39" s="70"/>
      <c r="N39" s="20"/>
      <c r="O39" s="21"/>
    </row>
    <row r="40" spans="2:15" s="43" customFormat="1" ht="15" customHeight="1">
      <c r="B40" s="66"/>
      <c r="C40" s="40">
        <v>3085</v>
      </c>
      <c r="D40" s="71"/>
      <c r="E40" s="72"/>
      <c r="F40" s="72"/>
      <c r="G40" s="72"/>
      <c r="H40" s="72"/>
      <c r="I40" s="72" t="s">
        <v>33</v>
      </c>
      <c r="J40" s="72"/>
      <c r="K40" s="72"/>
      <c r="L40" s="52"/>
      <c r="M40" s="70"/>
      <c r="N40" s="20"/>
      <c r="O40" s="21"/>
    </row>
    <row r="41" spans="2:15" s="43" customFormat="1" ht="15" customHeight="1">
      <c r="B41" s="66"/>
      <c r="C41" s="40">
        <v>477</v>
      </c>
      <c r="D41" s="67"/>
      <c r="E41" s="69"/>
      <c r="F41" s="69"/>
      <c r="G41" s="69"/>
      <c r="H41" s="69"/>
      <c r="I41" s="69" t="s">
        <v>34</v>
      </c>
      <c r="J41" s="69"/>
      <c r="K41" s="69"/>
      <c r="L41" s="52"/>
      <c r="M41" s="70"/>
      <c r="N41" s="20"/>
      <c r="O41" s="21"/>
    </row>
    <row r="42" spans="2:15" s="43" customFormat="1" ht="15" customHeight="1">
      <c r="B42" s="66"/>
      <c r="C42" s="40">
        <v>705</v>
      </c>
      <c r="D42" s="71"/>
      <c r="E42" s="72"/>
      <c r="F42" s="72"/>
      <c r="G42" s="72"/>
      <c r="H42" s="72"/>
      <c r="I42" s="72" t="s">
        <v>35</v>
      </c>
      <c r="J42" s="72"/>
      <c r="K42" s="72"/>
      <c r="L42" s="52"/>
      <c r="M42" s="70"/>
      <c r="N42" s="20"/>
      <c r="O42" s="21"/>
    </row>
    <row r="43" spans="2:15" s="43" customFormat="1" ht="15" customHeight="1">
      <c r="B43" s="66"/>
      <c r="C43" s="40">
        <v>3141</v>
      </c>
      <c r="D43" s="67"/>
      <c r="E43" s="69"/>
      <c r="F43" s="69"/>
      <c r="G43" s="69"/>
      <c r="H43" s="69"/>
      <c r="I43" s="69" t="s">
        <v>36</v>
      </c>
      <c r="J43" s="69"/>
      <c r="K43" s="69"/>
      <c r="L43" s="52"/>
      <c r="M43" s="70"/>
      <c r="N43" s="20"/>
      <c r="O43" s="21"/>
    </row>
    <row r="44" spans="2:15" s="43" customFormat="1" ht="15" customHeight="1">
      <c r="B44" s="66"/>
      <c r="C44" s="40">
        <v>63</v>
      </c>
      <c r="D44" s="71"/>
      <c r="E44" s="72"/>
      <c r="F44" s="72"/>
      <c r="G44" s="72"/>
      <c r="H44" s="72"/>
      <c r="I44" s="72" t="s">
        <v>37</v>
      </c>
      <c r="J44" s="52"/>
      <c r="K44" s="72"/>
      <c r="L44" s="52"/>
      <c r="M44" s="70"/>
      <c r="N44" s="20"/>
      <c r="O44" s="21"/>
    </row>
    <row r="45" spans="2:15" s="43" customFormat="1" ht="15" customHeight="1">
      <c r="B45" s="66"/>
      <c r="C45" s="40">
        <v>88917</v>
      </c>
      <c r="D45" s="71"/>
      <c r="E45" s="72"/>
      <c r="F45" s="72"/>
      <c r="G45" s="72"/>
      <c r="H45" s="72"/>
      <c r="I45" s="72"/>
      <c r="J45" s="72" t="s">
        <v>38</v>
      </c>
      <c r="K45" s="72"/>
      <c r="L45" s="52"/>
      <c r="M45" s="70"/>
      <c r="N45" s="20"/>
      <c r="O45" s="21"/>
    </row>
    <row r="46" spans="2:15" s="43" customFormat="1" ht="15" customHeight="1">
      <c r="B46" s="66"/>
      <c r="C46" s="40">
        <v>88918</v>
      </c>
      <c r="D46" s="67"/>
      <c r="E46" s="69"/>
      <c r="F46" s="69"/>
      <c r="G46" s="69"/>
      <c r="H46" s="69"/>
      <c r="I46" s="69"/>
      <c r="J46" s="69" t="s">
        <v>39</v>
      </c>
      <c r="K46" s="69"/>
      <c r="L46" s="52"/>
      <c r="M46" s="70"/>
      <c r="N46" s="20"/>
      <c r="O46" s="21"/>
    </row>
    <row r="47" spans="2:15" s="43" customFormat="1" ht="15" customHeight="1">
      <c r="B47" s="66"/>
      <c r="C47" s="40">
        <v>88919</v>
      </c>
      <c r="D47" s="71"/>
      <c r="E47" s="72"/>
      <c r="F47" s="72"/>
      <c r="G47" s="72"/>
      <c r="H47" s="72"/>
      <c r="I47" s="72"/>
      <c r="J47" s="72" t="s">
        <v>40</v>
      </c>
      <c r="K47" s="72"/>
      <c r="L47" s="52"/>
      <c r="M47" s="70"/>
      <c r="N47" s="20"/>
      <c r="O47" s="21"/>
    </row>
    <row r="48" spans="2:15" s="43" customFormat="1" ht="15" customHeight="1">
      <c r="B48" s="66"/>
      <c r="C48" s="40">
        <v>191</v>
      </c>
      <c r="D48" s="67"/>
      <c r="E48" s="69"/>
      <c r="F48" s="69"/>
      <c r="G48" s="69"/>
      <c r="H48" s="69"/>
      <c r="I48" s="69" t="s">
        <v>41</v>
      </c>
      <c r="J48" s="52"/>
      <c r="K48" s="69"/>
      <c r="L48" s="52"/>
      <c r="M48" s="70"/>
      <c r="N48" s="20"/>
      <c r="O48" s="21"/>
    </row>
    <row r="49" spans="2:15" s="43" customFormat="1" ht="15" customHeight="1">
      <c r="B49" s="66"/>
      <c r="C49" s="40">
        <v>1466</v>
      </c>
      <c r="D49" s="67"/>
      <c r="E49" s="69"/>
      <c r="F49" s="69"/>
      <c r="G49" s="69"/>
      <c r="H49" s="69"/>
      <c r="I49" s="69"/>
      <c r="J49" s="69" t="s">
        <v>42</v>
      </c>
      <c r="K49" s="69"/>
      <c r="L49" s="52"/>
      <c r="M49" s="70"/>
      <c r="N49" s="20"/>
      <c r="O49" s="21"/>
    </row>
    <row r="50" spans="2:15" s="43" customFormat="1" ht="15" customHeight="1">
      <c r="B50" s="66"/>
      <c r="C50" s="40">
        <v>90321</v>
      </c>
      <c r="D50" s="71"/>
      <c r="E50" s="72"/>
      <c r="F50" s="72"/>
      <c r="G50" s="72"/>
      <c r="H50" s="72"/>
      <c r="I50" s="72"/>
      <c r="J50" s="72" t="s">
        <v>43</v>
      </c>
      <c r="K50" s="72"/>
      <c r="L50" s="52"/>
      <c r="M50" s="70"/>
      <c r="N50" s="20"/>
      <c r="O50" s="21"/>
    </row>
    <row r="51" spans="2:15" s="43" customFormat="1" ht="15" customHeight="1">
      <c r="B51" s="66"/>
      <c r="C51" s="40">
        <v>90322</v>
      </c>
      <c r="D51" s="67"/>
      <c r="E51" s="69"/>
      <c r="F51" s="69"/>
      <c r="G51" s="69"/>
      <c r="H51" s="69"/>
      <c r="I51" s="69"/>
      <c r="J51" s="69" t="s">
        <v>44</v>
      </c>
      <c r="K51" s="69"/>
      <c r="L51" s="52"/>
      <c r="M51" s="70"/>
      <c r="N51" s="20"/>
      <c r="O51" s="21"/>
    </row>
    <row r="52" spans="2:15" s="43" customFormat="1" ht="15" customHeight="1">
      <c r="B52" s="66"/>
      <c r="C52" s="40">
        <v>90324</v>
      </c>
      <c r="D52" s="71"/>
      <c r="E52" s="72"/>
      <c r="F52" s="72"/>
      <c r="G52" s="72"/>
      <c r="H52" s="72"/>
      <c r="I52" s="72"/>
      <c r="J52" s="72" t="s">
        <v>45</v>
      </c>
      <c r="K52" s="72"/>
      <c r="L52" s="52"/>
      <c r="M52" s="70"/>
      <c r="N52" s="20"/>
      <c r="O52" s="21"/>
    </row>
    <row r="53" spans="2:15" s="43" customFormat="1" ht="15" customHeight="1">
      <c r="B53" s="66"/>
      <c r="C53" s="40">
        <v>220295</v>
      </c>
      <c r="D53" s="67"/>
      <c r="E53" s="69"/>
      <c r="F53" s="69"/>
      <c r="G53" s="69"/>
      <c r="H53" s="69"/>
      <c r="I53" s="69"/>
      <c r="J53" s="69" t="s">
        <v>46</v>
      </c>
      <c r="K53" s="69"/>
      <c r="L53" s="52"/>
      <c r="M53" s="70"/>
      <c r="N53" s="20"/>
      <c r="O53" s="21"/>
    </row>
    <row r="54" spans="2:15" s="43" customFormat="1" ht="15" customHeight="1">
      <c r="B54" s="66"/>
      <c r="C54" s="40">
        <v>886</v>
      </c>
      <c r="D54" s="71"/>
      <c r="E54" s="72"/>
      <c r="F54" s="72"/>
      <c r="G54" s="72"/>
      <c r="H54" s="72"/>
      <c r="I54" s="72" t="s">
        <v>47</v>
      </c>
      <c r="J54" s="52"/>
      <c r="K54" s="72"/>
      <c r="L54" s="52"/>
      <c r="M54" s="70"/>
      <c r="N54" s="20"/>
      <c r="O54" s="21"/>
    </row>
    <row r="55" spans="2:15" s="43" customFormat="1" ht="15" customHeight="1">
      <c r="B55" s="66"/>
      <c r="C55" s="40">
        <v>231169</v>
      </c>
      <c r="D55" s="71"/>
      <c r="E55" s="72"/>
      <c r="F55" s="72"/>
      <c r="G55" s="72"/>
      <c r="H55" s="72"/>
      <c r="I55" s="72"/>
      <c r="J55" s="72" t="s">
        <v>48</v>
      </c>
      <c r="K55" s="72"/>
      <c r="L55" s="52"/>
      <c r="M55" s="70"/>
      <c r="N55" s="20"/>
      <c r="O55" s="21"/>
    </row>
    <row r="56" spans="2:15" s="43" customFormat="1" ht="15" customHeight="1">
      <c r="B56" s="66"/>
      <c r="C56" s="40">
        <v>231178</v>
      </c>
      <c r="D56" s="67"/>
      <c r="E56" s="69"/>
      <c r="F56" s="69"/>
      <c r="G56" s="69"/>
      <c r="H56" s="69"/>
      <c r="I56" s="69"/>
      <c r="J56" s="69" t="s">
        <v>49</v>
      </c>
      <c r="K56" s="69"/>
      <c r="L56" s="52"/>
      <c r="M56" s="70"/>
      <c r="N56" s="20"/>
      <c r="O56" s="21"/>
    </row>
    <row r="57" spans="2:15" s="43" customFormat="1" ht="15" customHeight="1">
      <c r="B57" s="66"/>
      <c r="C57" s="40">
        <v>231183</v>
      </c>
      <c r="D57" s="71"/>
      <c r="E57" s="72"/>
      <c r="F57" s="72"/>
      <c r="G57" s="72"/>
      <c r="H57" s="72"/>
      <c r="I57" s="72"/>
      <c r="J57" s="72" t="s">
        <v>50</v>
      </c>
      <c r="K57" s="72"/>
      <c r="L57" s="52"/>
      <c r="M57" s="70"/>
      <c r="N57" s="20"/>
      <c r="O57" s="21"/>
    </row>
    <row r="58" spans="2:15" s="43" customFormat="1" ht="15" customHeight="1">
      <c r="B58" s="66"/>
      <c r="C58" s="40">
        <v>3440</v>
      </c>
      <c r="D58" s="67"/>
      <c r="E58" s="69"/>
      <c r="F58" s="69"/>
      <c r="G58" s="69"/>
      <c r="H58" s="69"/>
      <c r="I58" s="69" t="s">
        <v>51</v>
      </c>
      <c r="J58" s="52"/>
      <c r="K58" s="69"/>
      <c r="L58" s="52"/>
      <c r="M58" s="70"/>
      <c r="N58" s="20"/>
      <c r="O58" s="21"/>
    </row>
    <row r="59" spans="2:15" s="43" customFormat="1" ht="15" customHeight="1">
      <c r="B59" s="66"/>
      <c r="C59" s="40">
        <v>894</v>
      </c>
      <c r="D59" s="67"/>
      <c r="E59" s="69"/>
      <c r="F59" s="69"/>
      <c r="G59" s="69"/>
      <c r="H59" s="69"/>
      <c r="I59" s="69"/>
      <c r="J59" s="69" t="s">
        <v>52</v>
      </c>
      <c r="K59" s="69"/>
      <c r="L59" s="52"/>
      <c r="M59" s="70"/>
      <c r="N59" s="20"/>
      <c r="O59" s="21"/>
    </row>
    <row r="60" spans="2:15" s="43" customFormat="1" ht="15" customHeight="1">
      <c r="B60" s="66"/>
      <c r="C60" s="40">
        <v>895</v>
      </c>
      <c r="D60" s="71"/>
      <c r="E60" s="72"/>
      <c r="F60" s="72"/>
      <c r="G60" s="72"/>
      <c r="H60" s="72"/>
      <c r="I60" s="72"/>
      <c r="J60" s="72" t="s">
        <v>53</v>
      </c>
      <c r="K60" s="72"/>
      <c r="L60" s="52"/>
      <c r="M60" s="70"/>
      <c r="N60" s="20"/>
      <c r="O60" s="21"/>
    </row>
    <row r="61" spans="2:15" s="43" customFormat="1" ht="15" customHeight="1">
      <c r="B61" s="66"/>
      <c r="C61" s="40">
        <v>896</v>
      </c>
      <c r="D61" s="67"/>
      <c r="E61" s="69"/>
      <c r="F61" s="69"/>
      <c r="G61" s="69"/>
      <c r="H61" s="69"/>
      <c r="I61" s="69"/>
      <c r="J61" s="69" t="s">
        <v>54</v>
      </c>
      <c r="K61" s="69"/>
      <c r="L61" s="52"/>
      <c r="M61" s="70"/>
      <c r="N61" s="20"/>
      <c r="O61" s="21"/>
    </row>
    <row r="62" spans="2:15" s="43" customFormat="1" ht="15" customHeight="1">
      <c r="B62" s="66"/>
      <c r="C62" s="40">
        <v>828</v>
      </c>
      <c r="D62" s="71"/>
      <c r="E62" s="72"/>
      <c r="F62" s="72"/>
      <c r="G62" s="72"/>
      <c r="H62" s="72"/>
      <c r="I62" s="72" t="s">
        <v>55</v>
      </c>
      <c r="J62" s="52"/>
      <c r="K62" s="72"/>
      <c r="L62" s="52"/>
      <c r="M62" s="70"/>
      <c r="N62" s="20"/>
      <c r="O62" s="21"/>
    </row>
    <row r="63" spans="2:15" s="43" customFormat="1" ht="15" customHeight="1">
      <c r="B63" s="66"/>
      <c r="C63" s="40">
        <v>90653</v>
      </c>
      <c r="D63" s="71"/>
      <c r="E63" s="72"/>
      <c r="F63" s="72"/>
      <c r="G63" s="72"/>
      <c r="H63" s="72"/>
      <c r="I63" s="72"/>
      <c r="J63" s="72" t="s">
        <v>56</v>
      </c>
      <c r="K63" s="72"/>
      <c r="L63" s="52"/>
      <c r="M63" s="70"/>
      <c r="N63" s="20"/>
      <c r="O63" s="21"/>
    </row>
    <row r="64" spans="2:15" s="43" customFormat="1" ht="15" customHeight="1">
      <c r="B64" s="66"/>
      <c r="C64" s="40">
        <v>90654</v>
      </c>
      <c r="D64" s="67"/>
      <c r="E64" s="69"/>
      <c r="F64" s="69"/>
      <c r="G64" s="69"/>
      <c r="H64" s="69"/>
      <c r="I64" s="69"/>
      <c r="J64" s="69" t="s">
        <v>57</v>
      </c>
      <c r="K64" s="69"/>
      <c r="L64" s="52"/>
      <c r="M64" s="70"/>
      <c r="N64" s="20"/>
      <c r="O64" s="21"/>
    </row>
    <row r="65" spans="2:15" s="43" customFormat="1" ht="15" customHeight="1">
      <c r="B65" s="66"/>
      <c r="C65" s="40">
        <v>250984</v>
      </c>
      <c r="D65" s="71"/>
      <c r="E65" s="72"/>
      <c r="F65" s="72"/>
      <c r="G65" s="72"/>
      <c r="H65" s="72"/>
      <c r="I65" s="72"/>
      <c r="J65" s="72" t="s">
        <v>58</v>
      </c>
      <c r="K65" s="72"/>
      <c r="L65" s="52"/>
      <c r="M65" s="70"/>
      <c r="N65" s="20"/>
      <c r="O65" s="21"/>
    </row>
    <row r="66" spans="2:15" s="43" customFormat="1" ht="15" customHeight="1">
      <c r="B66" s="66"/>
      <c r="C66" s="40">
        <v>897</v>
      </c>
      <c r="D66" s="67"/>
      <c r="E66" s="69"/>
      <c r="F66" s="69"/>
      <c r="G66" s="69"/>
      <c r="H66" s="69"/>
      <c r="I66" s="69" t="s">
        <v>59</v>
      </c>
      <c r="J66" s="69"/>
      <c r="K66" s="69"/>
      <c r="L66" s="52"/>
      <c r="M66" s="70"/>
      <c r="N66" s="20"/>
      <c r="O66" s="21"/>
    </row>
    <row r="67" spans="2:15" s="43" customFormat="1" ht="15" customHeight="1">
      <c r="B67" s="66"/>
      <c r="C67" s="40">
        <v>500</v>
      </c>
      <c r="D67" s="71"/>
      <c r="E67" s="72"/>
      <c r="F67" s="72"/>
      <c r="G67" s="72"/>
      <c r="H67" s="72"/>
      <c r="I67" s="72" t="s">
        <v>60</v>
      </c>
      <c r="J67" s="72"/>
      <c r="K67" s="72"/>
      <c r="L67" s="52"/>
      <c r="M67" s="70"/>
      <c r="N67" s="20"/>
      <c r="O67" s="21"/>
    </row>
    <row r="68" spans="2:15" s="43" customFormat="1" ht="15" customHeight="1">
      <c r="B68" s="66"/>
      <c r="C68" s="40">
        <v>2052</v>
      </c>
      <c r="D68" s="67"/>
      <c r="E68" s="69"/>
      <c r="F68" s="69"/>
      <c r="G68" s="69"/>
      <c r="H68" s="69"/>
      <c r="I68" s="69" t="s">
        <v>61</v>
      </c>
      <c r="J68" s="69"/>
      <c r="K68" s="69"/>
      <c r="L68" s="52"/>
      <c r="M68" s="70"/>
      <c r="N68" s="20"/>
      <c r="O68" s="21"/>
    </row>
    <row r="69" spans="2:15" s="43" customFormat="1" ht="15" customHeight="1">
      <c r="B69" s="66"/>
      <c r="C69" s="40">
        <v>2597</v>
      </c>
      <c r="D69" s="71"/>
      <c r="E69" s="72"/>
      <c r="F69" s="72"/>
      <c r="G69" s="72"/>
      <c r="H69" s="72"/>
      <c r="I69" s="72" t="s">
        <v>62</v>
      </c>
      <c r="J69" s="72"/>
      <c r="K69" s="72"/>
      <c r="L69" s="52"/>
      <c r="M69" s="70"/>
      <c r="N69" s="20"/>
      <c r="O69" s="21"/>
    </row>
    <row r="70" spans="2:15" s="43" customFormat="1" ht="15" customHeight="1">
      <c r="B70" s="66"/>
      <c r="C70" s="40">
        <v>918</v>
      </c>
      <c r="D70" s="67"/>
      <c r="E70" s="69"/>
      <c r="F70" s="69"/>
      <c r="G70" s="69"/>
      <c r="H70" s="69"/>
      <c r="I70" s="69" t="s">
        <v>63</v>
      </c>
      <c r="J70" s="69"/>
      <c r="K70" s="69"/>
      <c r="L70" s="52"/>
      <c r="M70" s="70"/>
      <c r="N70" s="20"/>
      <c r="O70" s="21"/>
    </row>
    <row r="71" spans="2:15" s="43" customFormat="1" ht="15" customHeight="1">
      <c r="B71" s="66"/>
      <c r="C71" s="40">
        <v>64</v>
      </c>
      <c r="D71" s="71"/>
      <c r="E71" s="72"/>
      <c r="F71" s="72"/>
      <c r="G71" s="72"/>
      <c r="H71" s="72"/>
      <c r="I71" s="72" t="s">
        <v>64</v>
      </c>
      <c r="J71" s="72"/>
      <c r="K71" s="72"/>
      <c r="L71" s="52"/>
      <c r="M71" s="70"/>
      <c r="N71" s="20"/>
      <c r="O71" s="21"/>
    </row>
    <row r="72" spans="2:15" s="43" customFormat="1" ht="15" customHeight="1">
      <c r="B72" s="66"/>
      <c r="C72" s="40">
        <v>1144</v>
      </c>
      <c r="D72" s="67"/>
      <c r="E72" s="69"/>
      <c r="F72" s="69"/>
      <c r="G72" s="69"/>
      <c r="H72" s="69"/>
      <c r="I72" s="69" t="s">
        <v>65</v>
      </c>
      <c r="J72" s="69"/>
      <c r="K72" s="69"/>
      <c r="L72" s="52"/>
      <c r="M72" s="70"/>
      <c r="N72" s="20"/>
      <c r="O72" s="21"/>
    </row>
    <row r="73" spans="2:15" s="43" customFormat="1" ht="15" customHeight="1">
      <c r="B73" s="66"/>
      <c r="C73" s="40">
        <v>1187</v>
      </c>
      <c r="D73" s="71"/>
      <c r="E73" s="72"/>
      <c r="F73" s="72"/>
      <c r="G73" s="72"/>
      <c r="H73" s="72"/>
      <c r="I73" s="72" t="s">
        <v>66</v>
      </c>
      <c r="J73" s="72"/>
      <c r="K73" s="72"/>
      <c r="L73" s="52"/>
      <c r="M73" s="70"/>
      <c r="N73" s="20"/>
      <c r="O73" s="21"/>
    </row>
    <row r="74" spans="2:15" s="43" customFormat="1" ht="15" customHeight="1">
      <c r="B74" s="66"/>
      <c r="C74" s="40">
        <v>1188</v>
      </c>
      <c r="D74" s="67"/>
      <c r="E74" s="69"/>
      <c r="F74" s="69"/>
      <c r="G74" s="69"/>
      <c r="H74" s="69"/>
      <c r="I74" s="69" t="s">
        <v>67</v>
      </c>
      <c r="J74" s="69"/>
      <c r="K74" s="69"/>
      <c r="L74" s="52"/>
      <c r="M74" s="70"/>
      <c r="N74" s="20"/>
      <c r="O74" s="21"/>
    </row>
    <row r="75" spans="2:15" s="43" customFormat="1" ht="15" customHeight="1">
      <c r="B75" s="66"/>
      <c r="C75" s="40">
        <v>1200</v>
      </c>
      <c r="D75" s="71"/>
      <c r="E75" s="72"/>
      <c r="F75" s="72"/>
      <c r="G75" s="72"/>
      <c r="H75" s="72"/>
      <c r="I75" s="72" t="s">
        <v>68</v>
      </c>
      <c r="J75" s="72"/>
      <c r="K75" s="72"/>
      <c r="L75" s="52"/>
      <c r="M75" s="70"/>
      <c r="N75" s="20"/>
      <c r="O75" s="21"/>
    </row>
    <row r="76" spans="2:15" s="43" customFormat="1" ht="15" customHeight="1">
      <c r="B76" s="66"/>
      <c r="C76" s="40">
        <v>1248</v>
      </c>
      <c r="D76" s="67"/>
      <c r="E76" s="69"/>
      <c r="F76" s="69"/>
      <c r="G76" s="69"/>
      <c r="H76" s="69"/>
      <c r="I76" s="69" t="s">
        <v>69</v>
      </c>
      <c r="J76" s="69"/>
      <c r="K76" s="69"/>
      <c r="L76" s="52"/>
      <c r="M76" s="70"/>
      <c r="N76" s="20"/>
      <c r="O76" s="21"/>
    </row>
    <row r="77" spans="2:15" s="43" customFormat="1" ht="15" customHeight="1">
      <c r="B77" s="66"/>
      <c r="C77" s="40">
        <v>1368</v>
      </c>
      <c r="D77" s="71"/>
      <c r="E77" s="72"/>
      <c r="F77" s="72"/>
      <c r="G77" s="72"/>
      <c r="H77" s="72"/>
      <c r="I77" s="72" t="s">
        <v>70</v>
      </c>
      <c r="J77" s="72"/>
      <c r="K77" s="72"/>
      <c r="L77" s="52"/>
      <c r="M77" s="70"/>
      <c r="N77" s="20"/>
      <c r="O77" s="21"/>
    </row>
    <row r="78" spans="2:15" s="43" customFormat="1" ht="15" customHeight="1">
      <c r="B78" s="66"/>
      <c r="C78" s="40">
        <v>1399</v>
      </c>
      <c r="D78" s="67"/>
      <c r="E78" s="69"/>
      <c r="F78" s="69"/>
      <c r="G78" s="69"/>
      <c r="H78" s="69"/>
      <c r="I78" s="69" t="s">
        <v>71</v>
      </c>
      <c r="J78" s="69"/>
      <c r="K78" s="69"/>
      <c r="L78" s="52"/>
      <c r="M78" s="70"/>
      <c r="N78" s="20"/>
      <c r="O78" s="21"/>
    </row>
    <row r="79" spans="2:15" s="43" customFormat="1" ht="15" customHeight="1">
      <c r="B79" s="66"/>
      <c r="C79" s="40">
        <v>1435</v>
      </c>
      <c r="D79" s="71"/>
      <c r="E79" s="72"/>
      <c r="F79" s="72"/>
      <c r="G79" s="72"/>
      <c r="H79" s="72"/>
      <c r="I79" s="72" t="s">
        <v>72</v>
      </c>
      <c r="J79" s="72"/>
      <c r="K79" s="72"/>
      <c r="L79" s="52"/>
      <c r="M79" s="70"/>
      <c r="N79" s="20"/>
      <c r="O79" s="21"/>
    </row>
    <row r="80" spans="2:15" s="43" customFormat="1" ht="15" customHeight="1">
      <c r="B80" s="73"/>
      <c r="C80" s="40">
        <v>1490</v>
      </c>
      <c r="D80" s="67"/>
      <c r="E80" s="69"/>
      <c r="F80" s="69"/>
      <c r="G80" s="69"/>
      <c r="H80" s="69"/>
      <c r="I80" s="69" t="s">
        <v>73</v>
      </c>
      <c r="J80" s="69"/>
      <c r="K80" s="69"/>
      <c r="L80" s="52"/>
      <c r="M80" s="70"/>
      <c r="N80" s="20"/>
      <c r="O80" s="21"/>
    </row>
    <row r="81" spans="2:15" s="43" customFormat="1" ht="15" customHeight="1">
      <c r="B81" s="66"/>
      <c r="C81" s="40">
        <v>1529</v>
      </c>
      <c r="D81" s="71"/>
      <c r="E81" s="72"/>
      <c r="F81" s="72"/>
      <c r="G81" s="72"/>
      <c r="H81" s="72"/>
      <c r="I81" s="72" t="s">
        <v>74</v>
      </c>
      <c r="J81" s="72"/>
      <c r="K81" s="72"/>
      <c r="L81" s="52"/>
      <c r="M81" s="70"/>
      <c r="N81" s="20"/>
      <c r="O81" s="21"/>
    </row>
    <row r="82" spans="2:15" s="43" customFormat="1" ht="15" customHeight="1">
      <c r="B82" s="66"/>
      <c r="C82" s="40">
        <v>1883</v>
      </c>
      <c r="D82" s="67"/>
      <c r="E82" s="69"/>
      <c r="F82" s="69"/>
      <c r="G82" s="69"/>
      <c r="H82" s="69"/>
      <c r="I82" s="69" t="s">
        <v>75</v>
      </c>
      <c r="J82" s="69"/>
      <c r="K82" s="69"/>
      <c r="L82" s="52"/>
      <c r="M82" s="70"/>
      <c r="N82" s="20"/>
      <c r="O82" s="21"/>
    </row>
    <row r="83" spans="2:15" s="43" customFormat="1" ht="15" customHeight="1">
      <c r="B83" s="66"/>
      <c r="C83" s="40">
        <v>1984</v>
      </c>
      <c r="D83" s="71"/>
      <c r="E83" s="72"/>
      <c r="F83" s="72"/>
      <c r="G83" s="72"/>
      <c r="H83" s="72"/>
      <c r="I83" s="72" t="s">
        <v>76</v>
      </c>
      <c r="J83" s="72"/>
      <c r="K83" s="72"/>
      <c r="L83" s="52"/>
      <c r="M83" s="70"/>
      <c r="N83" s="20"/>
      <c r="O83" s="21"/>
    </row>
    <row r="84" spans="2:15" s="43" customFormat="1" ht="15" customHeight="1">
      <c r="B84" s="73"/>
      <c r="C84" s="40">
        <v>2003</v>
      </c>
      <c r="D84" s="67"/>
      <c r="E84" s="69"/>
      <c r="F84" s="69"/>
      <c r="G84" s="69"/>
      <c r="H84" s="69"/>
      <c r="I84" s="69" t="s">
        <v>77</v>
      </c>
      <c r="J84" s="69"/>
      <c r="K84" s="69"/>
      <c r="L84" s="52"/>
      <c r="M84" s="70"/>
      <c r="N84" s="20"/>
      <c r="O84" s="21"/>
    </row>
    <row r="85" spans="2:15" s="43" customFormat="1" ht="15" customHeight="1">
      <c r="B85" s="66"/>
      <c r="C85" s="40">
        <v>2027</v>
      </c>
      <c r="D85" s="71"/>
      <c r="E85" s="72"/>
      <c r="F85" s="72"/>
      <c r="G85" s="72"/>
      <c r="H85" s="72"/>
      <c r="I85" s="72" t="s">
        <v>78</v>
      </c>
      <c r="J85" s="72"/>
      <c r="K85" s="72"/>
      <c r="L85" s="52"/>
      <c r="M85" s="70"/>
      <c r="N85" s="20"/>
      <c r="O85" s="21"/>
    </row>
    <row r="86" spans="2:15" s="43" customFormat="1" ht="15" customHeight="1">
      <c r="B86" s="66"/>
      <c r="C86" s="40">
        <v>2155</v>
      </c>
      <c r="D86" s="67"/>
      <c r="E86" s="69"/>
      <c r="F86" s="69"/>
      <c r="G86" s="69"/>
      <c r="H86" s="69"/>
      <c r="I86" s="69" t="s">
        <v>79</v>
      </c>
      <c r="J86" s="69"/>
      <c r="K86" s="69"/>
      <c r="L86" s="52"/>
      <c r="M86" s="70"/>
      <c r="N86" s="20"/>
      <c r="O86" s="21"/>
    </row>
    <row r="87" spans="2:15" s="43" customFormat="1" ht="15" customHeight="1">
      <c r="B87" s="73"/>
      <c r="C87" s="40">
        <v>2202</v>
      </c>
      <c r="D87" s="71"/>
      <c r="E87" s="72"/>
      <c r="F87" s="72"/>
      <c r="G87" s="72"/>
      <c r="H87" s="72"/>
      <c r="I87" s="72" t="s">
        <v>80</v>
      </c>
      <c r="J87" s="72"/>
      <c r="K87" s="72"/>
      <c r="L87" s="52"/>
      <c r="M87" s="70"/>
      <c r="N87" s="20"/>
      <c r="O87" s="21"/>
    </row>
    <row r="88" spans="2:15" s="43" customFormat="1" ht="15" customHeight="1">
      <c r="B88" s="66"/>
      <c r="C88" s="40">
        <v>1051</v>
      </c>
      <c r="D88" s="67"/>
      <c r="E88" s="69"/>
      <c r="F88" s="69"/>
      <c r="G88" s="69"/>
      <c r="H88" s="69"/>
      <c r="I88" s="69" t="s">
        <v>81</v>
      </c>
      <c r="J88" s="69"/>
      <c r="K88" s="69"/>
      <c r="L88" s="52"/>
      <c r="M88" s="70"/>
      <c r="N88" s="20"/>
      <c r="O88" s="21"/>
    </row>
    <row r="89" spans="2:15" s="43" customFormat="1" ht="15" customHeight="1">
      <c r="B89" s="66"/>
      <c r="C89" s="40">
        <v>2237</v>
      </c>
      <c r="D89" s="71"/>
      <c r="E89" s="72"/>
      <c r="F89" s="72"/>
      <c r="G89" s="72"/>
      <c r="H89" s="72"/>
      <c r="I89" s="72" t="s">
        <v>82</v>
      </c>
      <c r="J89" s="72"/>
      <c r="K89" s="72"/>
      <c r="L89" s="52"/>
      <c r="M89" s="70"/>
      <c r="N89" s="20"/>
      <c r="O89" s="21"/>
    </row>
    <row r="90" spans="2:15" s="43" customFormat="1" ht="15" customHeight="1">
      <c r="B90" s="66"/>
      <c r="C90" s="40">
        <v>494</v>
      </c>
      <c r="D90" s="67"/>
      <c r="E90" s="69"/>
      <c r="F90" s="69"/>
      <c r="G90" s="69"/>
      <c r="H90" s="69"/>
      <c r="I90" s="69" t="s">
        <v>83</v>
      </c>
      <c r="J90" s="69"/>
      <c r="K90" s="69"/>
      <c r="L90" s="52"/>
      <c r="M90" s="70"/>
      <c r="N90" s="20"/>
      <c r="O90" s="21"/>
    </row>
    <row r="91" spans="2:15" s="43" customFormat="1" ht="15" customHeight="1">
      <c r="B91" s="66"/>
      <c r="C91" s="40">
        <v>2405</v>
      </c>
      <c r="D91" s="71"/>
      <c r="E91" s="72"/>
      <c r="F91" s="72"/>
      <c r="G91" s="72"/>
      <c r="H91" s="72"/>
      <c r="I91" s="72" t="s">
        <v>84</v>
      </c>
      <c r="J91" s="72"/>
      <c r="K91" s="72"/>
      <c r="L91" s="52"/>
      <c r="M91" s="70"/>
      <c r="N91" s="20"/>
      <c r="O91" s="21"/>
    </row>
    <row r="92" spans="2:15" s="43" customFormat="1" ht="15" customHeight="1">
      <c r="B92" s="66"/>
      <c r="C92" s="40">
        <v>2502</v>
      </c>
      <c r="D92" s="67"/>
      <c r="E92" s="69"/>
      <c r="F92" s="69"/>
      <c r="G92" s="69"/>
      <c r="H92" s="69"/>
      <c r="I92" s="69" t="s">
        <v>85</v>
      </c>
      <c r="J92" s="69"/>
      <c r="K92" s="69"/>
      <c r="L92" s="52"/>
      <c r="M92" s="70"/>
      <c r="N92" s="20"/>
      <c r="O92" s="21"/>
    </row>
    <row r="93" spans="2:15" s="43" customFormat="1" ht="15" customHeight="1">
      <c r="B93" s="66"/>
      <c r="C93" s="40">
        <v>2533</v>
      </c>
      <c r="D93" s="71"/>
      <c r="E93" s="72"/>
      <c r="F93" s="72"/>
      <c r="G93" s="72"/>
      <c r="H93" s="72"/>
      <c r="I93" s="72" t="s">
        <v>86</v>
      </c>
      <c r="J93" s="72"/>
      <c r="K93" s="72"/>
      <c r="L93" s="52"/>
      <c r="M93" s="70"/>
      <c r="N93" s="20"/>
      <c r="O93" s="21"/>
    </row>
    <row r="94" spans="2:15" s="43" customFormat="1" ht="15" customHeight="1">
      <c r="B94" s="66"/>
      <c r="C94" s="40">
        <v>2589</v>
      </c>
      <c r="D94" s="67"/>
      <c r="E94" s="69"/>
      <c r="F94" s="69"/>
      <c r="G94" s="69"/>
      <c r="H94" s="69"/>
      <c r="I94" s="69" t="s">
        <v>87</v>
      </c>
      <c r="J94" s="69"/>
      <c r="K94" s="69"/>
      <c r="L94" s="52"/>
      <c r="M94" s="70"/>
      <c r="N94" s="20"/>
      <c r="O94" s="21"/>
    </row>
    <row r="95" spans="2:15" s="43" customFormat="1" ht="15" customHeight="1">
      <c r="B95" s="66"/>
      <c r="C95" s="40">
        <v>2608</v>
      </c>
      <c r="D95" s="71"/>
      <c r="E95" s="72"/>
      <c r="F95" s="72"/>
      <c r="G95" s="72"/>
      <c r="H95" s="72"/>
      <c r="I95" s="72" t="s">
        <v>88</v>
      </c>
      <c r="J95" s="72"/>
      <c r="K95" s="72"/>
      <c r="L95" s="52"/>
      <c r="M95" s="70"/>
      <c r="N95" s="20"/>
      <c r="O95" s="21"/>
    </row>
    <row r="96" spans="2:15" s="43" customFormat="1" ht="15" customHeight="1">
      <c r="B96" s="66"/>
      <c r="C96" s="40">
        <v>2668</v>
      </c>
      <c r="D96" s="67"/>
      <c r="E96" s="69"/>
      <c r="F96" s="69"/>
      <c r="G96" s="69"/>
      <c r="H96" s="69"/>
      <c r="I96" s="69" t="s">
        <v>89</v>
      </c>
      <c r="J96" s="69"/>
      <c r="K96" s="69"/>
      <c r="L96" s="52"/>
      <c r="M96" s="70"/>
      <c r="N96" s="20"/>
      <c r="O96" s="21"/>
    </row>
    <row r="97" spans="2:15" s="43" customFormat="1" ht="15" customHeight="1">
      <c r="B97" s="66"/>
      <c r="C97" s="40">
        <v>2669</v>
      </c>
      <c r="D97" s="71"/>
      <c r="E97" s="72"/>
      <c r="F97" s="72"/>
      <c r="G97" s="72"/>
      <c r="H97" s="72"/>
      <c r="I97" s="72" t="s">
        <v>90</v>
      </c>
      <c r="J97" s="72"/>
      <c r="K97" s="72"/>
      <c r="L97" s="52"/>
      <c r="M97" s="70"/>
      <c r="N97" s="20"/>
      <c r="O97" s="21"/>
    </row>
    <row r="98" spans="2:15" s="43" customFormat="1" ht="15" customHeight="1">
      <c r="B98" s="73"/>
      <c r="C98" s="40">
        <v>2690</v>
      </c>
      <c r="D98" s="67"/>
      <c r="E98" s="69"/>
      <c r="F98" s="69"/>
      <c r="G98" s="69"/>
      <c r="H98" s="69"/>
      <c r="I98" s="69" t="s">
        <v>91</v>
      </c>
      <c r="J98" s="69"/>
      <c r="K98" s="69"/>
      <c r="L98" s="52"/>
      <c r="M98" s="70"/>
      <c r="N98" s="20"/>
      <c r="O98" s="21"/>
    </row>
    <row r="99" spans="2:15" s="43" customFormat="1" ht="15" customHeight="1">
      <c r="B99" s="66"/>
      <c r="C99" s="40">
        <v>2698</v>
      </c>
      <c r="D99" s="71"/>
      <c r="E99" s="72"/>
      <c r="F99" s="72"/>
      <c r="G99" s="72"/>
      <c r="H99" s="72"/>
      <c r="I99" s="72" t="s">
        <v>92</v>
      </c>
      <c r="J99" s="72"/>
      <c r="K99" s="72"/>
      <c r="L99" s="52"/>
      <c r="M99" s="70"/>
      <c r="N99" s="20"/>
      <c r="O99" s="21"/>
    </row>
    <row r="100" spans="2:15" s="43" customFormat="1" ht="15" customHeight="1">
      <c r="B100" s="66"/>
      <c r="C100" s="40">
        <v>2732</v>
      </c>
      <c r="D100" s="67"/>
      <c r="E100" s="69"/>
      <c r="F100" s="69"/>
      <c r="G100" s="69"/>
      <c r="H100" s="69"/>
      <c r="I100" s="69" t="s">
        <v>93</v>
      </c>
      <c r="J100" s="69"/>
      <c r="K100" s="69"/>
      <c r="L100" s="52"/>
      <c r="M100" s="70"/>
      <c r="N100" s="20"/>
      <c r="O100" s="21"/>
    </row>
    <row r="101" spans="2:15" s="43" customFormat="1" ht="15" customHeight="1">
      <c r="B101" s="66"/>
      <c r="C101" s="40">
        <v>2750</v>
      </c>
      <c r="D101" s="71"/>
      <c r="E101" s="72"/>
      <c r="F101" s="72"/>
      <c r="G101" s="72"/>
      <c r="H101" s="72"/>
      <c r="I101" s="72" t="s">
        <v>94</v>
      </c>
      <c r="J101" s="72"/>
      <c r="K101" s="72"/>
      <c r="L101" s="52"/>
      <c r="M101" s="70"/>
      <c r="N101" s="20"/>
      <c r="O101" s="21"/>
    </row>
    <row r="102" spans="2:15" s="43" customFormat="1" ht="15" customHeight="1">
      <c r="B102" s="66"/>
      <c r="C102" s="40">
        <v>2751</v>
      </c>
      <c r="D102" s="67"/>
      <c r="E102" s="69"/>
      <c r="F102" s="69"/>
      <c r="G102" s="69"/>
      <c r="H102" s="69"/>
      <c r="I102" s="69" t="s">
        <v>95</v>
      </c>
      <c r="J102" s="69"/>
      <c r="K102" s="69"/>
      <c r="L102" s="52"/>
      <c r="M102" s="70"/>
      <c r="N102" s="20"/>
      <c r="O102" s="21"/>
    </row>
    <row r="103" spans="2:15" s="43" customFormat="1" ht="15" customHeight="1">
      <c r="B103" s="73"/>
      <c r="C103" s="40">
        <v>2752</v>
      </c>
      <c r="D103" s="71"/>
      <c r="E103" s="72"/>
      <c r="F103" s="72"/>
      <c r="G103" s="72"/>
      <c r="H103" s="72"/>
      <c r="I103" s="72" t="s">
        <v>96</v>
      </c>
      <c r="J103" s="72"/>
      <c r="K103" s="72"/>
      <c r="L103" s="52"/>
      <c r="M103" s="70"/>
      <c r="N103" s="20"/>
      <c r="O103" s="21"/>
    </row>
    <row r="104" spans="2:15" s="43" customFormat="1" ht="15" customHeight="1">
      <c r="B104" s="66"/>
      <c r="C104" s="40">
        <v>2753</v>
      </c>
      <c r="D104" s="67"/>
      <c r="E104" s="69"/>
      <c r="F104" s="69"/>
      <c r="G104" s="69"/>
      <c r="H104" s="69"/>
      <c r="I104" s="69" t="s">
        <v>97</v>
      </c>
      <c r="J104" s="69"/>
      <c r="K104" s="69"/>
      <c r="L104" s="52"/>
      <c r="M104" s="70"/>
      <c r="N104" s="20"/>
      <c r="O104" s="21"/>
    </row>
    <row r="105" spans="2:15" s="43" customFormat="1" ht="15" customHeight="1">
      <c r="B105" s="66"/>
      <c r="C105" s="40">
        <v>2754</v>
      </c>
      <c r="D105" s="71"/>
      <c r="E105" s="72"/>
      <c r="F105" s="72"/>
      <c r="G105" s="72"/>
      <c r="H105" s="72"/>
      <c r="I105" s="72" t="s">
        <v>98</v>
      </c>
      <c r="J105" s="72"/>
      <c r="K105" s="72"/>
      <c r="L105" s="52"/>
      <c r="M105" s="70"/>
      <c r="N105" s="20"/>
      <c r="O105" s="21"/>
    </row>
    <row r="106" spans="2:15" s="43" customFormat="1" ht="15" customHeight="1">
      <c r="B106" s="66"/>
      <c r="C106" s="40">
        <v>2755</v>
      </c>
      <c r="D106" s="67"/>
      <c r="E106" s="69"/>
      <c r="F106" s="69"/>
      <c r="G106" s="69"/>
      <c r="H106" s="69"/>
      <c r="I106" s="69" t="s">
        <v>99</v>
      </c>
      <c r="J106" s="69"/>
      <c r="K106" s="69"/>
      <c r="L106" s="52"/>
      <c r="M106" s="70"/>
      <c r="N106" s="20"/>
      <c r="O106" s="21"/>
    </row>
    <row r="107" spans="2:15" s="43" customFormat="1" ht="15" customHeight="1">
      <c r="B107" s="66"/>
      <c r="C107" s="40">
        <v>2815</v>
      </c>
      <c r="D107" s="71"/>
      <c r="E107" s="72"/>
      <c r="F107" s="72"/>
      <c r="G107" s="72"/>
      <c r="H107" s="72"/>
      <c r="I107" s="72" t="s">
        <v>100</v>
      </c>
      <c r="J107" s="72"/>
      <c r="K107" s="72"/>
      <c r="L107" s="52"/>
      <c r="M107" s="70"/>
      <c r="N107" s="20"/>
      <c r="O107" s="21"/>
    </row>
    <row r="108" spans="2:15" s="43" customFormat="1" ht="15" customHeight="1">
      <c r="B108" s="66"/>
      <c r="C108" s="40">
        <v>2820</v>
      </c>
      <c r="D108" s="67"/>
      <c r="E108" s="69"/>
      <c r="F108" s="69"/>
      <c r="G108" s="69"/>
      <c r="H108" s="69"/>
      <c r="I108" s="69" t="s">
        <v>101</v>
      </c>
      <c r="J108" s="69"/>
      <c r="K108" s="69"/>
      <c r="L108" s="52"/>
      <c r="M108" s="70"/>
      <c r="N108" s="20"/>
      <c r="O108" s="21"/>
    </row>
    <row r="109" spans="2:15" s="43" customFormat="1" ht="15" customHeight="1">
      <c r="B109" s="66"/>
      <c r="C109" s="40">
        <v>2855</v>
      </c>
      <c r="D109" s="71"/>
      <c r="E109" s="72"/>
      <c r="F109" s="72"/>
      <c r="G109" s="72"/>
      <c r="H109" s="72"/>
      <c r="I109" s="72" t="s">
        <v>102</v>
      </c>
      <c r="J109" s="72"/>
      <c r="K109" s="72"/>
      <c r="L109" s="52"/>
      <c r="M109" s="70"/>
      <c r="N109" s="20"/>
      <c r="O109" s="21"/>
    </row>
    <row r="110" spans="2:15" s="43" customFormat="1" ht="15" customHeight="1">
      <c r="B110" s="66"/>
      <c r="C110" s="40">
        <v>2866</v>
      </c>
      <c r="D110" s="67"/>
      <c r="E110" s="69"/>
      <c r="F110" s="69"/>
      <c r="G110" s="69"/>
      <c r="H110" s="69"/>
      <c r="I110" s="69" t="s">
        <v>103</v>
      </c>
      <c r="J110" s="69"/>
      <c r="K110" s="69"/>
      <c r="L110" s="52"/>
      <c r="M110" s="70"/>
      <c r="N110" s="20"/>
      <c r="O110" s="21"/>
    </row>
    <row r="111" spans="2:15" s="43" customFormat="1" ht="15" customHeight="1">
      <c r="B111" s="66"/>
      <c r="C111" s="40">
        <v>2878</v>
      </c>
      <c r="D111" s="71"/>
      <c r="E111" s="72"/>
      <c r="F111" s="72"/>
      <c r="G111" s="72"/>
      <c r="H111" s="72"/>
      <c r="I111" s="72" t="s">
        <v>104</v>
      </c>
      <c r="J111" s="72"/>
      <c r="K111" s="72"/>
      <c r="L111" s="52"/>
      <c r="M111" s="70"/>
      <c r="N111" s="20"/>
      <c r="O111" s="21"/>
    </row>
    <row r="112" spans="2:15" s="43" customFormat="1" ht="15" customHeight="1">
      <c r="B112" s="66"/>
      <c r="C112" s="40">
        <v>3212</v>
      </c>
      <c r="D112" s="67"/>
      <c r="E112" s="69"/>
      <c r="F112" s="69"/>
      <c r="G112" s="69"/>
      <c r="H112" s="69"/>
      <c r="I112" s="69" t="s">
        <v>105</v>
      </c>
      <c r="J112" s="69"/>
      <c r="K112" s="69"/>
      <c r="L112" s="52"/>
      <c r="M112" s="70"/>
      <c r="N112" s="20"/>
      <c r="O112" s="21"/>
    </row>
    <row r="113" spans="2:15" s="43" customFormat="1" ht="15" customHeight="1">
      <c r="B113" s="66"/>
      <c r="C113" s="40">
        <v>3214</v>
      </c>
      <c r="D113" s="71"/>
      <c r="E113" s="72"/>
      <c r="F113" s="72"/>
      <c r="G113" s="72"/>
      <c r="H113" s="72"/>
      <c r="I113" s="72" t="s">
        <v>106</v>
      </c>
      <c r="J113" s="72"/>
      <c r="K113" s="72"/>
      <c r="L113" s="52"/>
      <c r="M113" s="70"/>
      <c r="N113" s="20"/>
      <c r="O113" s="21"/>
    </row>
    <row r="114" spans="2:15" s="43" customFormat="1" ht="15" customHeight="1">
      <c r="B114" s="66"/>
      <c r="C114" s="40">
        <v>3217</v>
      </c>
      <c r="D114" s="67"/>
      <c r="E114" s="69"/>
      <c r="F114" s="69"/>
      <c r="G114" s="69"/>
      <c r="H114" s="69"/>
      <c r="I114" s="69" t="s">
        <v>107</v>
      </c>
      <c r="J114" s="69"/>
      <c r="K114" s="69"/>
      <c r="L114" s="52"/>
      <c r="M114" s="70"/>
      <c r="N114" s="20"/>
      <c r="O114" s="21"/>
    </row>
    <row r="115" spans="2:15" s="43" customFormat="1" ht="15" customHeight="1">
      <c r="B115" s="66"/>
      <c r="C115" s="40">
        <v>3218</v>
      </c>
      <c r="D115" s="71"/>
      <c r="E115" s="72"/>
      <c r="F115" s="72"/>
      <c r="G115" s="72"/>
      <c r="H115" s="72"/>
      <c r="I115" s="72" t="s">
        <v>108</v>
      </c>
      <c r="J115" s="72"/>
      <c r="K115" s="72"/>
      <c r="L115" s="52"/>
      <c r="M115" s="70"/>
      <c r="N115" s="20"/>
      <c r="O115" s="21"/>
    </row>
    <row r="116" spans="2:15" s="43" customFormat="1" ht="15" customHeight="1">
      <c r="B116" s="66"/>
      <c r="C116" s="40">
        <v>3219</v>
      </c>
      <c r="D116" s="67"/>
      <c r="E116" s="69"/>
      <c r="F116" s="69"/>
      <c r="G116" s="69"/>
      <c r="H116" s="69"/>
      <c r="I116" s="69" t="s">
        <v>109</v>
      </c>
      <c r="J116" s="69"/>
      <c r="K116" s="69"/>
      <c r="L116" s="52"/>
      <c r="M116" s="70"/>
      <c r="N116" s="20"/>
      <c r="O116" s="21"/>
    </row>
    <row r="117" spans="2:15" s="43" customFormat="1" ht="15" customHeight="1">
      <c r="B117" s="66"/>
      <c r="C117" s="40">
        <v>3220</v>
      </c>
      <c r="D117" s="71"/>
      <c r="E117" s="72"/>
      <c r="F117" s="72"/>
      <c r="G117" s="72"/>
      <c r="H117" s="72"/>
      <c r="I117" s="72" t="s">
        <v>110</v>
      </c>
      <c r="J117" s="72"/>
      <c r="K117" s="72"/>
      <c r="L117" s="52"/>
      <c r="M117" s="70"/>
      <c r="N117" s="20"/>
      <c r="O117" s="21"/>
    </row>
    <row r="118" spans="2:15" s="43" customFormat="1" ht="15" customHeight="1">
      <c r="B118" s="66"/>
      <c r="C118" s="40">
        <v>3221</v>
      </c>
      <c r="D118" s="67"/>
      <c r="E118" s="69"/>
      <c r="F118" s="69"/>
      <c r="G118" s="69"/>
      <c r="H118" s="69"/>
      <c r="I118" s="69" t="s">
        <v>111</v>
      </c>
      <c r="J118" s="69"/>
      <c r="K118" s="69"/>
      <c r="L118" s="52"/>
      <c r="M118" s="70"/>
      <c r="N118" s="20"/>
      <c r="O118" s="21"/>
    </row>
    <row r="119" spans="2:15" s="43" customFormat="1" ht="15" customHeight="1">
      <c r="B119" s="66"/>
      <c r="C119" s="40">
        <v>3224</v>
      </c>
      <c r="D119" s="71"/>
      <c r="E119" s="72"/>
      <c r="F119" s="72"/>
      <c r="G119" s="72"/>
      <c r="H119" s="72"/>
      <c r="I119" s="72" t="s">
        <v>112</v>
      </c>
      <c r="J119" s="72"/>
      <c r="K119" s="72"/>
      <c r="L119" s="52"/>
      <c r="M119" s="70"/>
      <c r="N119" s="20"/>
      <c r="O119" s="21"/>
    </row>
    <row r="120" spans="2:15" s="43" customFormat="1" ht="15" customHeight="1">
      <c r="B120" s="66"/>
      <c r="C120" s="40">
        <v>3225</v>
      </c>
      <c r="D120" s="67"/>
      <c r="E120" s="69"/>
      <c r="F120" s="69"/>
      <c r="G120" s="69"/>
      <c r="H120" s="69"/>
      <c r="I120" s="69" t="s">
        <v>113</v>
      </c>
      <c r="J120" s="69"/>
      <c r="K120" s="69"/>
      <c r="L120" s="52"/>
      <c r="M120" s="70"/>
      <c r="N120" s="20"/>
      <c r="O120" s="21"/>
    </row>
    <row r="121" spans="2:15" s="43" customFormat="1" ht="15" customHeight="1">
      <c r="B121" s="66"/>
      <c r="C121" s="40">
        <v>3226</v>
      </c>
      <c r="D121" s="71"/>
      <c r="E121" s="72"/>
      <c r="F121" s="72"/>
      <c r="G121" s="72"/>
      <c r="H121" s="72"/>
      <c r="I121" s="72" t="s">
        <v>114</v>
      </c>
      <c r="J121" s="72"/>
      <c r="K121" s="72"/>
      <c r="L121" s="52"/>
      <c r="M121" s="70"/>
      <c r="N121" s="20"/>
      <c r="O121" s="21"/>
    </row>
    <row r="122" spans="2:15" s="43" customFormat="1" ht="15" customHeight="1">
      <c r="B122" s="66"/>
      <c r="C122" s="40">
        <v>3229</v>
      </c>
      <c r="D122" s="67"/>
      <c r="E122" s="69"/>
      <c r="F122" s="69"/>
      <c r="G122" s="69"/>
      <c r="H122" s="69"/>
      <c r="I122" s="69" t="s">
        <v>115</v>
      </c>
      <c r="J122" s="69"/>
      <c r="K122" s="69"/>
      <c r="L122" s="52"/>
      <c r="M122" s="70"/>
      <c r="N122" s="20"/>
      <c r="O122" s="21"/>
    </row>
    <row r="123" spans="2:15" s="43" customFormat="1" ht="15" customHeight="1">
      <c r="B123" s="73"/>
      <c r="C123" s="40">
        <v>3230</v>
      </c>
      <c r="D123" s="71"/>
      <c r="E123" s="72"/>
      <c r="F123" s="72"/>
      <c r="G123" s="72"/>
      <c r="H123" s="72"/>
      <c r="I123" s="72" t="s">
        <v>116</v>
      </c>
      <c r="J123" s="72"/>
      <c r="K123" s="72"/>
      <c r="L123" s="52"/>
      <c r="M123" s="70"/>
      <c r="N123" s="20"/>
      <c r="O123" s="21"/>
    </row>
    <row r="124" spans="2:15" s="43" customFormat="1" ht="15" customHeight="1">
      <c r="B124" s="66"/>
      <c r="C124" s="40">
        <v>3231</v>
      </c>
      <c r="D124" s="67"/>
      <c r="E124" s="69"/>
      <c r="F124" s="69"/>
      <c r="G124" s="69"/>
      <c r="H124" s="69"/>
      <c r="I124" s="69" t="s">
        <v>117</v>
      </c>
      <c r="J124" s="52"/>
      <c r="K124" s="69"/>
      <c r="L124" s="52"/>
      <c r="M124" s="70"/>
      <c r="N124" s="20"/>
      <c r="O124" s="21"/>
    </row>
    <row r="125" spans="2:15" s="43" customFormat="1" ht="15" customHeight="1">
      <c r="B125" s="66"/>
      <c r="C125" s="40">
        <v>79499</v>
      </c>
      <c r="D125" s="67"/>
      <c r="E125" s="69"/>
      <c r="F125" s="69"/>
      <c r="G125" s="69"/>
      <c r="H125" s="69"/>
      <c r="I125" s="69"/>
      <c r="J125" s="69" t="s">
        <v>118</v>
      </c>
      <c r="K125" s="69"/>
      <c r="L125" s="52"/>
      <c r="M125" s="70"/>
      <c r="N125" s="20"/>
      <c r="O125" s="21"/>
    </row>
    <row r="126" spans="2:15" s="43" customFormat="1" ht="15" customHeight="1">
      <c r="B126" s="73"/>
      <c r="C126" s="40">
        <v>79500</v>
      </c>
      <c r="D126" s="71"/>
      <c r="E126" s="72"/>
      <c r="F126" s="72"/>
      <c r="G126" s="72"/>
      <c r="H126" s="72"/>
      <c r="I126" s="72"/>
      <c r="J126" s="72" t="s">
        <v>119</v>
      </c>
      <c r="K126" s="72"/>
      <c r="L126" s="52"/>
      <c r="M126" s="70"/>
      <c r="N126" s="20"/>
      <c r="O126" s="21"/>
    </row>
    <row r="127" spans="2:15" s="43" customFormat="1" ht="15" customHeight="1">
      <c r="B127" s="66"/>
      <c r="C127" s="40">
        <v>3232</v>
      </c>
      <c r="D127" s="67"/>
      <c r="E127" s="69"/>
      <c r="F127" s="69"/>
      <c r="G127" s="69"/>
      <c r="H127" s="69"/>
      <c r="I127" s="69" t="s">
        <v>120</v>
      </c>
      <c r="J127" s="69"/>
      <c r="K127" s="69"/>
      <c r="L127" s="52"/>
      <c r="M127" s="70"/>
      <c r="N127" s="20"/>
      <c r="O127" s="21"/>
    </row>
    <row r="128" spans="2:15" s="43" customFormat="1" ht="15" customHeight="1">
      <c r="B128" s="66"/>
      <c r="C128" s="40">
        <v>3233</v>
      </c>
      <c r="D128" s="71"/>
      <c r="E128" s="72"/>
      <c r="F128" s="72"/>
      <c r="G128" s="72"/>
      <c r="H128" s="72"/>
      <c r="I128" s="72" t="s">
        <v>121</v>
      </c>
      <c r="J128" s="72"/>
      <c r="K128" s="72"/>
      <c r="L128" s="52"/>
      <c r="M128" s="70"/>
      <c r="N128" s="20"/>
      <c r="O128" s="21"/>
    </row>
    <row r="129" spans="2:15" s="43" customFormat="1" ht="15" customHeight="1">
      <c r="B129" s="66"/>
      <c r="C129" s="40">
        <v>3235</v>
      </c>
      <c r="D129" s="67"/>
      <c r="E129" s="69"/>
      <c r="F129" s="69"/>
      <c r="G129" s="69"/>
      <c r="H129" s="69"/>
      <c r="I129" s="69" t="s">
        <v>122</v>
      </c>
      <c r="J129" s="69"/>
      <c r="K129" s="69"/>
      <c r="L129" s="52"/>
      <c r="M129" s="70"/>
      <c r="N129" s="20"/>
      <c r="O129" s="21"/>
    </row>
    <row r="130" spans="2:15" s="43" customFormat="1" ht="15" customHeight="1">
      <c r="B130" s="66"/>
      <c r="C130" s="40">
        <v>3237</v>
      </c>
      <c r="D130" s="71"/>
      <c r="E130" s="72"/>
      <c r="F130" s="72"/>
      <c r="G130" s="72"/>
      <c r="H130" s="72"/>
      <c r="I130" s="72" t="s">
        <v>123</v>
      </c>
      <c r="J130" s="72"/>
      <c r="K130" s="72"/>
      <c r="L130" s="52"/>
      <c r="M130" s="70"/>
      <c r="N130" s="20"/>
      <c r="O130" s="21"/>
    </row>
    <row r="131" spans="2:15" s="43" customFormat="1" ht="15" customHeight="1">
      <c r="B131" s="66"/>
      <c r="C131" s="40">
        <v>3238</v>
      </c>
      <c r="D131" s="67"/>
      <c r="E131" s="69"/>
      <c r="F131" s="69"/>
      <c r="G131" s="69"/>
      <c r="H131" s="69"/>
      <c r="I131" s="69" t="s">
        <v>124</v>
      </c>
      <c r="J131" s="69"/>
      <c r="K131" s="69"/>
      <c r="L131" s="52"/>
      <c r="M131" s="70"/>
      <c r="N131" s="20"/>
      <c r="O131" s="21"/>
    </row>
    <row r="132" spans="2:15" s="43" customFormat="1" ht="15" customHeight="1">
      <c r="B132" s="66"/>
      <c r="C132" s="40">
        <v>3239</v>
      </c>
      <c r="D132" s="71"/>
      <c r="E132" s="72"/>
      <c r="F132" s="72"/>
      <c r="G132" s="72"/>
      <c r="H132" s="72"/>
      <c r="I132" s="72" t="s">
        <v>125</v>
      </c>
      <c r="J132" s="72"/>
      <c r="K132" s="72"/>
      <c r="L132" s="52"/>
      <c r="M132" s="70"/>
      <c r="N132" s="20"/>
      <c r="O132" s="21"/>
    </row>
    <row r="133" spans="2:15" s="43" customFormat="1" ht="15" customHeight="1">
      <c r="B133" s="66"/>
      <c r="C133" s="40">
        <v>3241</v>
      </c>
      <c r="D133" s="67"/>
      <c r="E133" s="69"/>
      <c r="F133" s="69"/>
      <c r="G133" s="69"/>
      <c r="H133" s="69"/>
      <c r="I133" s="69" t="s">
        <v>126</v>
      </c>
      <c r="J133" s="69"/>
      <c r="K133" s="69"/>
      <c r="L133" s="52"/>
      <c r="M133" s="70"/>
      <c r="N133" s="20"/>
      <c r="O133" s="21"/>
    </row>
    <row r="134" spans="2:15" s="43" customFormat="1" ht="15" customHeight="1">
      <c r="B134" s="66"/>
      <c r="C134" s="40">
        <v>2653</v>
      </c>
      <c r="D134" s="71"/>
      <c r="E134" s="72"/>
      <c r="F134" s="72"/>
      <c r="G134" s="72"/>
      <c r="H134" s="72"/>
      <c r="I134" s="72" t="s">
        <v>127</v>
      </c>
      <c r="J134" s="72"/>
      <c r="K134" s="72"/>
      <c r="L134" s="52"/>
      <c r="M134" s="70"/>
      <c r="N134" s="20"/>
      <c r="O134" s="21"/>
    </row>
    <row r="135" spans="2:15" s="43" customFormat="1" ht="15" customHeight="1">
      <c r="B135" s="66"/>
      <c r="C135" s="40">
        <v>1192</v>
      </c>
      <c r="D135" s="67"/>
      <c r="E135" s="69"/>
      <c r="F135" s="69"/>
      <c r="G135" s="69"/>
      <c r="H135" s="69"/>
      <c r="I135" s="69" t="s">
        <v>128</v>
      </c>
      <c r="J135" s="69"/>
      <c r="K135" s="69"/>
      <c r="L135" s="52"/>
      <c r="M135" s="70"/>
      <c r="N135" s="20"/>
      <c r="O135" s="21"/>
    </row>
    <row r="136" spans="2:15" s="43" customFormat="1" ht="15" customHeight="1">
      <c r="B136" s="66"/>
      <c r="C136" s="40">
        <v>1383</v>
      </c>
      <c r="D136" s="71"/>
      <c r="E136" s="72"/>
      <c r="F136" s="72"/>
      <c r="G136" s="72"/>
      <c r="H136" s="72"/>
      <c r="I136" s="72" t="s">
        <v>129</v>
      </c>
      <c r="J136" s="72"/>
      <c r="K136" s="72"/>
      <c r="L136" s="52"/>
      <c r="M136" s="70"/>
      <c r="N136" s="20"/>
      <c r="O136" s="21"/>
    </row>
    <row r="137" spans="2:15" s="43" customFormat="1" ht="15" customHeight="1">
      <c r="B137" s="66"/>
      <c r="C137" s="40">
        <v>1123</v>
      </c>
      <c r="D137" s="67"/>
      <c r="E137" s="69"/>
      <c r="F137" s="69"/>
      <c r="G137" s="69"/>
      <c r="H137" s="69"/>
      <c r="I137" s="69" t="s">
        <v>130</v>
      </c>
      <c r="J137" s="69"/>
      <c r="K137" s="69"/>
      <c r="L137" s="52"/>
      <c r="M137" s="70"/>
      <c r="N137" s="20"/>
      <c r="O137" s="21"/>
    </row>
    <row r="138" spans="2:15" s="43" customFormat="1" ht="15" customHeight="1">
      <c r="B138" s="66"/>
      <c r="C138" s="40">
        <v>669</v>
      </c>
      <c r="D138" s="71"/>
      <c r="E138" s="72"/>
      <c r="F138" s="72"/>
      <c r="G138" s="72"/>
      <c r="H138" s="72"/>
      <c r="I138" s="72" t="s">
        <v>131</v>
      </c>
      <c r="J138" s="52"/>
      <c r="K138" s="72"/>
      <c r="L138" s="52"/>
      <c r="M138" s="70"/>
      <c r="N138" s="20"/>
      <c r="O138" s="21"/>
    </row>
    <row r="139" spans="2:15" s="43" customFormat="1" ht="15" customHeight="1">
      <c r="B139" s="66"/>
      <c r="C139" s="40">
        <v>90650</v>
      </c>
      <c r="D139" s="71"/>
      <c r="E139" s="72"/>
      <c r="F139" s="72"/>
      <c r="G139" s="72"/>
      <c r="H139" s="72"/>
      <c r="I139" s="72"/>
      <c r="J139" s="72" t="s">
        <v>132</v>
      </c>
      <c r="K139" s="72"/>
      <c r="L139" s="52"/>
      <c r="M139" s="70"/>
      <c r="N139" s="20"/>
      <c r="O139" s="21"/>
    </row>
    <row r="140" spans="2:15" s="43" customFormat="1" ht="15" customHeight="1">
      <c r="B140" s="73"/>
      <c r="C140" s="40">
        <v>90652</v>
      </c>
      <c r="D140" s="67"/>
      <c r="E140" s="69"/>
      <c r="F140" s="69"/>
      <c r="G140" s="69"/>
      <c r="H140" s="69"/>
      <c r="I140" s="69"/>
      <c r="J140" s="69" t="s">
        <v>133</v>
      </c>
      <c r="K140" s="69"/>
      <c r="L140" s="52"/>
      <c r="M140" s="70"/>
      <c r="N140" s="20"/>
      <c r="O140" s="21"/>
    </row>
    <row r="141" spans="2:15" s="43" customFormat="1" ht="15" customHeight="1">
      <c r="B141" s="66"/>
      <c r="C141" s="40">
        <v>3240</v>
      </c>
      <c r="D141" s="71"/>
      <c r="E141" s="72"/>
      <c r="F141" s="72"/>
      <c r="G141" s="72"/>
      <c r="H141" s="72"/>
      <c r="I141" s="72" t="s">
        <v>134</v>
      </c>
      <c r="J141" s="72"/>
      <c r="K141" s="72"/>
      <c r="L141" s="52"/>
      <c r="M141" s="70"/>
      <c r="N141" s="20"/>
      <c r="O141" s="21"/>
    </row>
    <row r="142" spans="2:15" s="43" customFormat="1" ht="15" customHeight="1">
      <c r="B142" s="66"/>
      <c r="C142" s="40">
        <v>225</v>
      </c>
      <c r="D142" s="67"/>
      <c r="E142" s="69"/>
      <c r="F142" s="69"/>
      <c r="G142" s="69"/>
      <c r="H142" s="69"/>
      <c r="I142" s="69" t="s">
        <v>135</v>
      </c>
      <c r="J142" s="69"/>
      <c r="K142" s="69"/>
      <c r="L142" s="52"/>
      <c r="M142" s="70"/>
      <c r="N142" s="20"/>
      <c r="O142" s="21"/>
    </row>
    <row r="143" spans="2:15" s="43" customFormat="1" ht="15" customHeight="1">
      <c r="B143" s="66"/>
      <c r="C143" s="40">
        <v>42665</v>
      </c>
      <c r="D143" s="71"/>
      <c r="E143" s="72"/>
      <c r="F143" s="72"/>
      <c r="G143" s="72"/>
      <c r="H143" s="72"/>
      <c r="I143" s="72" t="s">
        <v>136</v>
      </c>
      <c r="J143" s="72"/>
      <c r="K143" s="72"/>
      <c r="L143" s="52"/>
      <c r="M143" s="70"/>
      <c r="N143" s="20"/>
      <c r="O143" s="21"/>
    </row>
    <row r="144" spans="2:15" s="43" customFormat="1" ht="15" customHeight="1">
      <c r="B144" s="66"/>
      <c r="C144" s="40">
        <v>49827</v>
      </c>
      <c r="D144" s="67"/>
      <c r="E144" s="69"/>
      <c r="F144" s="69"/>
      <c r="G144" s="69"/>
      <c r="H144" s="69"/>
      <c r="I144" s="69" t="s">
        <v>137</v>
      </c>
      <c r="J144" s="69"/>
      <c r="K144" s="69"/>
      <c r="L144" s="52"/>
      <c r="M144" s="70"/>
      <c r="N144" s="20"/>
      <c r="O144" s="21"/>
    </row>
    <row r="145" spans="2:15" s="43" customFormat="1" ht="15" customHeight="1">
      <c r="B145" s="66"/>
      <c r="C145" s="40">
        <v>50811</v>
      </c>
      <c r="D145" s="71"/>
      <c r="E145" s="72"/>
      <c r="F145" s="72"/>
      <c r="G145" s="72"/>
      <c r="H145" s="72"/>
      <c r="I145" s="72" t="s">
        <v>138</v>
      </c>
      <c r="J145" s="72"/>
      <c r="K145" s="72"/>
      <c r="L145" s="52"/>
      <c r="M145" s="70"/>
      <c r="N145" s="20"/>
      <c r="O145" s="21"/>
    </row>
    <row r="146" spans="2:15" s="43" customFormat="1" ht="15" customHeight="1">
      <c r="B146" s="73"/>
      <c r="C146" s="40">
        <v>50815</v>
      </c>
      <c r="D146" s="67"/>
      <c r="E146" s="69"/>
      <c r="F146" s="69"/>
      <c r="G146" s="69"/>
      <c r="H146" s="69"/>
      <c r="I146" s="69" t="s">
        <v>139</v>
      </c>
      <c r="J146" s="69"/>
      <c r="K146" s="69"/>
      <c r="L146" s="52"/>
      <c r="M146" s="70"/>
      <c r="N146" s="20"/>
      <c r="O146" s="21"/>
    </row>
    <row r="147" spans="2:15" s="43" customFormat="1" ht="15" customHeight="1">
      <c r="B147" s="66"/>
      <c r="C147" s="40">
        <v>52368</v>
      </c>
      <c r="D147" s="71"/>
      <c r="E147" s="72"/>
      <c r="F147" s="72"/>
      <c r="G147" s="72"/>
      <c r="H147" s="72"/>
      <c r="I147" s="72" t="s">
        <v>140</v>
      </c>
      <c r="J147" s="72"/>
      <c r="K147" s="72"/>
      <c r="L147" s="52"/>
      <c r="M147" s="70"/>
      <c r="N147" s="20"/>
      <c r="O147" s="21"/>
    </row>
    <row r="148" spans="2:15" s="43" customFormat="1" ht="15" customHeight="1">
      <c r="B148" s="66"/>
      <c r="C148" s="40">
        <v>52429</v>
      </c>
      <c r="D148" s="67"/>
      <c r="E148" s="69"/>
      <c r="F148" s="69"/>
      <c r="G148" s="69"/>
      <c r="H148" s="69"/>
      <c r="I148" s="69" t="s">
        <v>141</v>
      </c>
      <c r="J148" s="69"/>
      <c r="K148" s="69"/>
      <c r="L148" s="52"/>
      <c r="M148" s="70"/>
      <c r="N148" s="20"/>
      <c r="O148" s="21"/>
    </row>
    <row r="149" spans="2:15" s="43" customFormat="1" ht="15" customHeight="1">
      <c r="B149" s="73"/>
      <c r="C149" s="40">
        <v>64747</v>
      </c>
      <c r="D149" s="71"/>
      <c r="E149" s="72"/>
      <c r="F149" s="72"/>
      <c r="G149" s="72"/>
      <c r="H149" s="72"/>
      <c r="I149" s="72" t="s">
        <v>142</v>
      </c>
      <c r="J149" s="52"/>
      <c r="K149" s="72"/>
      <c r="L149" s="52"/>
      <c r="M149" s="70"/>
      <c r="N149" s="20"/>
      <c r="O149" s="21"/>
    </row>
    <row r="150" spans="2:15" s="43" customFormat="1" ht="15" customHeight="1">
      <c r="B150" s="66"/>
      <c r="C150" s="40">
        <v>99014</v>
      </c>
      <c r="D150" s="71"/>
      <c r="E150" s="72"/>
      <c r="F150" s="72"/>
      <c r="G150" s="72"/>
      <c r="H150" s="72"/>
      <c r="I150" s="72"/>
      <c r="J150" s="72" t="s">
        <v>143</v>
      </c>
      <c r="K150" s="72"/>
      <c r="L150" s="52"/>
      <c r="M150" s="70"/>
      <c r="N150" s="20"/>
      <c r="O150" s="21"/>
    </row>
    <row r="151" spans="2:15" s="43" customFormat="1" ht="15" customHeight="1">
      <c r="B151" s="66"/>
      <c r="C151" s="40">
        <v>101075</v>
      </c>
      <c r="D151" s="67"/>
      <c r="E151" s="69"/>
      <c r="F151" s="69"/>
      <c r="G151" s="69"/>
      <c r="H151" s="69"/>
      <c r="I151" s="69"/>
      <c r="J151" s="69" t="s">
        <v>144</v>
      </c>
      <c r="K151" s="69"/>
      <c r="L151" s="52"/>
      <c r="M151" s="70"/>
      <c r="N151" s="20"/>
      <c r="O151" s="21"/>
    </row>
    <row r="152" spans="2:15" s="43" customFormat="1" ht="15" customHeight="1">
      <c r="B152" s="73"/>
      <c r="C152" s="40">
        <v>101076</v>
      </c>
      <c r="D152" s="71"/>
      <c r="E152" s="72"/>
      <c r="F152" s="72"/>
      <c r="G152" s="72"/>
      <c r="H152" s="72"/>
      <c r="I152" s="72"/>
      <c r="J152" s="72" t="s">
        <v>145</v>
      </c>
      <c r="K152" s="72"/>
      <c r="L152" s="52"/>
      <c r="M152" s="70"/>
      <c r="N152" s="20"/>
      <c r="O152" s="21"/>
    </row>
    <row r="153" spans="2:15" s="43" customFormat="1" ht="15" customHeight="1">
      <c r="B153" s="66"/>
      <c r="C153" s="40">
        <v>101077</v>
      </c>
      <c r="D153" s="67"/>
      <c r="E153" s="69"/>
      <c r="F153" s="69"/>
      <c r="G153" s="69"/>
      <c r="H153" s="69"/>
      <c r="I153" s="69"/>
      <c r="J153" s="69" t="s">
        <v>146</v>
      </c>
      <c r="K153" s="69"/>
      <c r="L153" s="52"/>
      <c r="M153" s="70"/>
      <c r="N153" s="20"/>
      <c r="O153" s="21"/>
    </row>
    <row r="154" spans="2:15" s="43" customFormat="1" ht="15" customHeight="1">
      <c r="B154" s="66"/>
      <c r="C154" s="40">
        <v>101078</v>
      </c>
      <c r="D154" s="71"/>
      <c r="E154" s="72"/>
      <c r="F154" s="72"/>
      <c r="G154" s="72"/>
      <c r="H154" s="72"/>
      <c r="I154" s="72"/>
      <c r="J154" s="72" t="s">
        <v>147</v>
      </c>
      <c r="K154" s="72"/>
      <c r="L154" s="52"/>
      <c r="M154" s="70"/>
      <c r="N154" s="20"/>
      <c r="O154" s="21"/>
    </row>
    <row r="155" spans="2:15" s="43" customFormat="1" ht="15" customHeight="1">
      <c r="B155" s="66"/>
      <c r="C155" s="40">
        <v>66633</v>
      </c>
      <c r="D155" s="67"/>
      <c r="E155" s="69"/>
      <c r="F155" s="69"/>
      <c r="G155" s="69"/>
      <c r="H155" s="69"/>
      <c r="I155" s="69" t="s">
        <v>148</v>
      </c>
      <c r="J155" s="69"/>
      <c r="K155" s="69"/>
      <c r="L155" s="52"/>
      <c r="M155" s="70"/>
      <c r="N155" s="20"/>
      <c r="O155" s="21"/>
    </row>
    <row r="156" spans="2:15" s="43" customFormat="1" ht="15" customHeight="1">
      <c r="B156" s="66"/>
      <c r="C156" s="40">
        <v>69737</v>
      </c>
      <c r="D156" s="71"/>
      <c r="E156" s="72"/>
      <c r="F156" s="72"/>
      <c r="G156" s="72"/>
      <c r="H156" s="72"/>
      <c r="I156" s="72" t="s">
        <v>149</v>
      </c>
      <c r="J156" s="72"/>
      <c r="K156" s="72"/>
      <c r="L156" s="52"/>
      <c r="M156" s="70"/>
      <c r="N156" s="20"/>
      <c r="O156" s="21"/>
    </row>
    <row r="157" spans="2:15" s="43" customFormat="1" ht="15" customHeight="1">
      <c r="B157" s="66"/>
      <c r="C157" s="40">
        <v>69739</v>
      </c>
      <c r="D157" s="67"/>
      <c r="E157" s="69"/>
      <c r="F157" s="69"/>
      <c r="G157" s="69"/>
      <c r="H157" s="69"/>
      <c r="I157" s="69" t="s">
        <v>150</v>
      </c>
      <c r="J157" s="69"/>
      <c r="K157" s="69"/>
      <c r="L157" s="52"/>
      <c r="M157" s="70"/>
      <c r="N157" s="20"/>
      <c r="O157" s="21"/>
    </row>
    <row r="158" spans="2:15" s="43" customFormat="1" ht="15" customHeight="1">
      <c r="B158" s="73"/>
      <c r="C158" s="40">
        <v>71267</v>
      </c>
      <c r="D158" s="71"/>
      <c r="E158" s="72"/>
      <c r="F158" s="72"/>
      <c r="G158" s="72"/>
      <c r="H158" s="72"/>
      <c r="I158" s="72" t="s">
        <v>151</v>
      </c>
      <c r="J158" s="72"/>
      <c r="K158" s="72"/>
      <c r="L158" s="52"/>
      <c r="M158" s="70"/>
      <c r="N158" s="20"/>
      <c r="O158" s="21"/>
    </row>
    <row r="159" spans="2:15" s="43" customFormat="1" ht="15" customHeight="1">
      <c r="B159" s="66"/>
      <c r="C159" s="40">
        <v>71271</v>
      </c>
      <c r="D159" s="67"/>
      <c r="E159" s="69"/>
      <c r="F159" s="69"/>
      <c r="G159" s="69"/>
      <c r="H159" s="69"/>
      <c r="I159" s="69" t="s">
        <v>152</v>
      </c>
      <c r="J159" s="69"/>
      <c r="K159" s="69"/>
      <c r="L159" s="52"/>
      <c r="M159" s="70"/>
      <c r="N159" s="20"/>
      <c r="O159" s="21"/>
    </row>
    <row r="160" spans="2:15" s="43" customFormat="1" ht="15" customHeight="1">
      <c r="B160" s="66"/>
      <c r="C160" s="40">
        <v>79107</v>
      </c>
      <c r="D160" s="71"/>
      <c r="E160" s="72"/>
      <c r="F160" s="72"/>
      <c r="G160" s="72"/>
      <c r="H160" s="72"/>
      <c r="I160" s="72" t="s">
        <v>153</v>
      </c>
      <c r="J160" s="72"/>
      <c r="K160" s="72"/>
      <c r="L160" s="52"/>
      <c r="M160" s="70"/>
      <c r="N160" s="20"/>
      <c r="O160" s="21"/>
    </row>
    <row r="161" spans="2:15" s="43" customFormat="1" ht="15" customHeight="1">
      <c r="B161" s="66"/>
      <c r="C161" s="40">
        <v>79395</v>
      </c>
      <c r="D161" s="67"/>
      <c r="E161" s="69"/>
      <c r="F161" s="69"/>
      <c r="G161" s="69"/>
      <c r="H161" s="69"/>
      <c r="I161" s="69" t="s">
        <v>154</v>
      </c>
      <c r="J161" s="69"/>
      <c r="K161" s="69"/>
      <c r="L161" s="52"/>
      <c r="M161" s="70"/>
      <c r="N161" s="20"/>
      <c r="O161" s="21"/>
    </row>
    <row r="162" spans="2:15" s="43" customFormat="1" ht="15" customHeight="1">
      <c r="B162" s="66"/>
      <c r="C162" s="40">
        <v>85321</v>
      </c>
      <c r="D162" s="71"/>
      <c r="E162" s="72"/>
      <c r="F162" s="72"/>
      <c r="G162" s="72"/>
      <c r="H162" s="72"/>
      <c r="I162" s="72" t="s">
        <v>155</v>
      </c>
      <c r="J162" s="72"/>
      <c r="K162" s="72"/>
      <c r="L162" s="52"/>
      <c r="M162" s="70"/>
      <c r="N162" s="20"/>
      <c r="O162" s="21"/>
    </row>
    <row r="163" spans="2:15" s="43" customFormat="1" ht="15" customHeight="1">
      <c r="B163" s="73"/>
      <c r="C163" s="40">
        <v>89938</v>
      </c>
      <c r="D163" s="67"/>
      <c r="E163" s="69"/>
      <c r="F163" s="69"/>
      <c r="G163" s="69"/>
      <c r="H163" s="69"/>
      <c r="I163" s="69" t="s">
        <v>156</v>
      </c>
      <c r="J163" s="69"/>
      <c r="K163" s="69"/>
      <c r="L163" s="52"/>
      <c r="M163" s="70"/>
      <c r="N163" s="20"/>
      <c r="O163" s="21"/>
    </row>
    <row r="164" spans="2:15" s="43" customFormat="1" ht="15" customHeight="1">
      <c r="B164" s="66"/>
      <c r="C164" s="40">
        <v>90024</v>
      </c>
      <c r="D164" s="71"/>
      <c r="E164" s="72"/>
      <c r="F164" s="72"/>
      <c r="G164" s="72"/>
      <c r="H164" s="72"/>
      <c r="I164" s="72" t="s">
        <v>157</v>
      </c>
      <c r="J164" s="72"/>
      <c r="K164" s="72"/>
      <c r="L164" s="52"/>
      <c r="M164" s="70"/>
      <c r="N164" s="20"/>
      <c r="O164" s="21"/>
    </row>
    <row r="165" spans="2:15" s="43" customFormat="1" ht="15" customHeight="1">
      <c r="B165" s="66"/>
      <c r="C165" s="40">
        <v>90103</v>
      </c>
      <c r="D165" s="67"/>
      <c r="E165" s="69"/>
      <c r="F165" s="69"/>
      <c r="G165" s="69"/>
      <c r="H165" s="69"/>
      <c r="I165" s="69" t="s">
        <v>158</v>
      </c>
      <c r="J165" s="69"/>
      <c r="K165" s="69"/>
      <c r="L165" s="52"/>
      <c r="M165" s="70"/>
      <c r="N165" s="20"/>
      <c r="O165" s="21"/>
    </row>
    <row r="166" spans="2:15" s="43" customFormat="1" ht="15" customHeight="1">
      <c r="B166" s="66"/>
      <c r="C166" s="40">
        <v>90646</v>
      </c>
      <c r="D166" s="71"/>
      <c r="E166" s="72"/>
      <c r="F166" s="72"/>
      <c r="G166" s="72"/>
      <c r="H166" s="72"/>
      <c r="I166" s="72" t="s">
        <v>159</v>
      </c>
      <c r="J166" s="72"/>
      <c r="K166" s="72"/>
      <c r="L166" s="52"/>
      <c r="M166" s="70"/>
      <c r="N166" s="20"/>
      <c r="O166" s="21"/>
    </row>
    <row r="167" spans="2:15" s="43" customFormat="1" ht="15" customHeight="1">
      <c r="B167" s="66"/>
      <c r="C167" s="40">
        <v>90647</v>
      </c>
      <c r="D167" s="67"/>
      <c r="E167" s="69"/>
      <c r="F167" s="69"/>
      <c r="G167" s="69"/>
      <c r="H167" s="69"/>
      <c r="I167" s="69" t="s">
        <v>160</v>
      </c>
      <c r="J167" s="69"/>
      <c r="K167" s="69"/>
      <c r="L167" s="52"/>
      <c r="M167" s="70"/>
      <c r="N167" s="20"/>
      <c r="O167" s="21"/>
    </row>
    <row r="168" spans="2:15" s="43" customFormat="1" ht="15" customHeight="1">
      <c r="B168" s="66"/>
      <c r="C168" s="40">
        <v>90658</v>
      </c>
      <c r="D168" s="71"/>
      <c r="E168" s="72"/>
      <c r="F168" s="72"/>
      <c r="G168" s="72"/>
      <c r="H168" s="72"/>
      <c r="I168" s="72" t="s">
        <v>161</v>
      </c>
      <c r="J168" s="72"/>
      <c r="K168" s="72"/>
      <c r="L168" s="52"/>
      <c r="M168" s="70"/>
      <c r="N168" s="20"/>
      <c r="O168" s="21"/>
    </row>
    <row r="169" spans="2:15" s="43" customFormat="1" ht="15" customHeight="1">
      <c r="B169" s="66"/>
      <c r="C169" s="40">
        <v>93611</v>
      </c>
      <c r="D169" s="67"/>
      <c r="E169" s="69"/>
      <c r="F169" s="69"/>
      <c r="G169" s="69"/>
      <c r="H169" s="69"/>
      <c r="I169" s="69" t="s">
        <v>162</v>
      </c>
      <c r="J169" s="69"/>
      <c r="K169" s="69"/>
      <c r="L169" s="52"/>
      <c r="M169" s="70"/>
      <c r="N169" s="20"/>
      <c r="O169" s="21"/>
    </row>
    <row r="170" spans="2:15" s="43" customFormat="1" ht="15" customHeight="1">
      <c r="B170" s="73"/>
      <c r="C170" s="40">
        <v>94064</v>
      </c>
      <c r="D170" s="71"/>
      <c r="E170" s="72"/>
      <c r="F170" s="72"/>
      <c r="G170" s="72"/>
      <c r="H170" s="72"/>
      <c r="I170" s="72" t="s">
        <v>163</v>
      </c>
      <c r="J170" s="72"/>
      <c r="K170" s="72"/>
      <c r="L170" s="52"/>
      <c r="M170" s="70"/>
      <c r="N170" s="20"/>
      <c r="O170" s="21"/>
    </row>
    <row r="171" spans="2:15" s="43" customFormat="1" ht="15" customHeight="1">
      <c r="B171" s="66"/>
      <c r="C171" s="40">
        <v>97229</v>
      </c>
      <c r="D171" s="67"/>
      <c r="E171" s="69"/>
      <c r="F171" s="69"/>
      <c r="G171" s="69"/>
      <c r="H171" s="69"/>
      <c r="I171" s="69" t="s">
        <v>164</v>
      </c>
      <c r="J171" s="69"/>
      <c r="K171" s="69"/>
      <c r="L171" s="52"/>
      <c r="M171" s="70"/>
      <c r="N171" s="20"/>
      <c r="O171" s="21"/>
    </row>
    <row r="172" spans="2:15" s="43" customFormat="1" ht="15" customHeight="1">
      <c r="B172" s="66"/>
      <c r="C172" s="40">
        <v>139512</v>
      </c>
      <c r="D172" s="71"/>
      <c r="E172" s="72"/>
      <c r="F172" s="72"/>
      <c r="G172" s="72"/>
      <c r="H172" s="72"/>
      <c r="I172" s="72" t="s">
        <v>165</v>
      </c>
      <c r="J172" s="72"/>
      <c r="K172" s="72"/>
      <c r="L172" s="52"/>
      <c r="M172" s="70"/>
      <c r="N172" s="20"/>
      <c r="O172" s="21"/>
    </row>
    <row r="173" spans="2:15" s="43" customFormat="1" ht="15" customHeight="1">
      <c r="B173" s="66"/>
      <c r="C173" s="40">
        <v>140917</v>
      </c>
      <c r="D173" s="67"/>
      <c r="E173" s="69"/>
      <c r="F173" s="69"/>
      <c r="G173" s="69"/>
      <c r="H173" s="69"/>
      <c r="I173" s="69" t="s">
        <v>166</v>
      </c>
      <c r="J173" s="69"/>
      <c r="K173" s="69"/>
      <c r="L173" s="52"/>
      <c r="M173" s="70"/>
      <c r="N173" s="20"/>
      <c r="O173" s="21"/>
    </row>
    <row r="174" spans="2:15" s="43" customFormat="1" ht="15" customHeight="1">
      <c r="B174" s="66"/>
      <c r="C174" s="40">
        <v>140963</v>
      </c>
      <c r="D174" s="71"/>
      <c r="E174" s="72"/>
      <c r="F174" s="72"/>
      <c r="G174" s="72"/>
      <c r="H174" s="72"/>
      <c r="I174" s="72" t="s">
        <v>167</v>
      </c>
      <c r="J174" s="72"/>
      <c r="K174" s="72"/>
      <c r="L174" s="52"/>
      <c r="M174" s="70"/>
      <c r="N174" s="20"/>
      <c r="O174" s="21"/>
    </row>
    <row r="175" spans="2:15" s="43" customFormat="1" ht="15" customHeight="1">
      <c r="B175" s="66"/>
      <c r="C175" s="40">
        <v>157788</v>
      </c>
      <c r="D175" s="67"/>
      <c r="E175" s="69"/>
      <c r="F175" s="69"/>
      <c r="G175" s="69"/>
      <c r="H175" s="69"/>
      <c r="I175" s="69" t="s">
        <v>168</v>
      </c>
      <c r="J175" s="69"/>
      <c r="K175" s="69"/>
      <c r="L175" s="52"/>
      <c r="M175" s="70"/>
      <c r="N175" s="20"/>
      <c r="O175" s="21"/>
    </row>
    <row r="176" spans="2:15" s="43" customFormat="1" ht="15" customHeight="1">
      <c r="B176" s="66"/>
      <c r="C176" s="40">
        <v>163668</v>
      </c>
      <c r="D176" s="71"/>
      <c r="E176" s="72"/>
      <c r="F176" s="72"/>
      <c r="G176" s="72"/>
      <c r="H176" s="72"/>
      <c r="I176" s="72" t="s">
        <v>169</v>
      </c>
      <c r="J176" s="72"/>
      <c r="K176" s="72"/>
      <c r="L176" s="52"/>
      <c r="M176" s="70"/>
      <c r="N176" s="20"/>
      <c r="O176" s="21"/>
    </row>
    <row r="177" spans="2:15" s="43" customFormat="1" ht="15" customHeight="1">
      <c r="B177" s="66"/>
      <c r="C177" s="40">
        <v>163746</v>
      </c>
      <c r="D177" s="67"/>
      <c r="E177" s="69"/>
      <c r="F177" s="69"/>
      <c r="G177" s="69"/>
      <c r="H177" s="69"/>
      <c r="I177" s="69" t="s">
        <v>170</v>
      </c>
      <c r="J177" s="69"/>
      <c r="K177" s="69"/>
      <c r="L177" s="52"/>
      <c r="M177" s="70"/>
      <c r="N177" s="20"/>
      <c r="O177" s="21"/>
    </row>
    <row r="178" spans="2:15" s="43" customFormat="1" ht="15" customHeight="1">
      <c r="B178" s="66"/>
      <c r="C178" s="40">
        <v>163988</v>
      </c>
      <c r="D178" s="71"/>
      <c r="E178" s="72"/>
      <c r="F178" s="72"/>
      <c r="G178" s="72"/>
      <c r="H178" s="72"/>
      <c r="I178" s="72" t="s">
        <v>171</v>
      </c>
      <c r="J178" s="72"/>
      <c r="K178" s="72"/>
      <c r="L178" s="52"/>
      <c r="M178" s="70"/>
      <c r="N178" s="20"/>
      <c r="O178" s="21"/>
    </row>
    <row r="179" spans="2:15" s="43" customFormat="1" ht="15" customHeight="1">
      <c r="B179" s="66"/>
      <c r="C179" s="40">
        <v>166100</v>
      </c>
      <c r="D179" s="67"/>
      <c r="E179" s="69"/>
      <c r="F179" s="69"/>
      <c r="G179" s="69"/>
      <c r="H179" s="69"/>
      <c r="I179" s="69" t="s">
        <v>172</v>
      </c>
      <c r="J179" s="69"/>
      <c r="K179" s="69"/>
      <c r="L179" s="52"/>
      <c r="M179" s="70"/>
      <c r="N179" s="20"/>
      <c r="O179" s="21"/>
    </row>
    <row r="180" spans="2:15" s="43" customFormat="1" ht="15" customHeight="1">
      <c r="B180" s="66"/>
      <c r="C180" s="40">
        <v>171851</v>
      </c>
      <c r="D180" s="71"/>
      <c r="E180" s="72"/>
      <c r="F180" s="72"/>
      <c r="G180" s="72"/>
      <c r="H180" s="72"/>
      <c r="I180" s="72" t="s">
        <v>173</v>
      </c>
      <c r="J180" s="72"/>
      <c r="K180" s="72"/>
      <c r="L180" s="52"/>
      <c r="M180" s="70"/>
      <c r="N180" s="20"/>
      <c r="O180" s="21"/>
    </row>
    <row r="181" spans="2:15" s="43" customFormat="1" ht="15" customHeight="1">
      <c r="B181" s="73"/>
      <c r="C181" s="40">
        <v>199343</v>
      </c>
      <c r="D181" s="67"/>
      <c r="E181" s="69"/>
      <c r="F181" s="69"/>
      <c r="G181" s="69"/>
      <c r="H181" s="69"/>
      <c r="I181" s="69" t="s">
        <v>174</v>
      </c>
      <c r="J181" s="69"/>
      <c r="K181" s="69"/>
      <c r="L181" s="52"/>
      <c r="M181" s="70"/>
      <c r="N181" s="20"/>
      <c r="O181" s="21"/>
    </row>
    <row r="182" spans="2:15" s="43" customFormat="1" ht="15" customHeight="1">
      <c r="B182" s="66"/>
      <c r="C182" s="40">
        <v>217315</v>
      </c>
      <c r="D182" s="71"/>
      <c r="E182" s="72"/>
      <c r="F182" s="72"/>
      <c r="G182" s="72"/>
      <c r="H182" s="72"/>
      <c r="I182" s="72" t="s">
        <v>175</v>
      </c>
      <c r="J182" s="72"/>
      <c r="K182" s="72"/>
      <c r="L182" s="52"/>
      <c r="M182" s="70"/>
      <c r="N182" s="20"/>
      <c r="O182" s="21"/>
    </row>
    <row r="183" spans="2:15" s="43" customFormat="1" ht="15" customHeight="1">
      <c r="B183" s="66"/>
      <c r="C183" s="40">
        <v>228012</v>
      </c>
      <c r="D183" s="67"/>
      <c r="E183" s="69"/>
      <c r="F183" s="69"/>
      <c r="G183" s="69"/>
      <c r="H183" s="69"/>
      <c r="I183" s="69" t="s">
        <v>176</v>
      </c>
      <c r="J183" s="69"/>
      <c r="K183" s="69"/>
      <c r="L183" s="52"/>
      <c r="M183" s="70"/>
      <c r="N183" s="20"/>
      <c r="O183" s="21"/>
    </row>
    <row r="184" spans="2:15" s="43" customFormat="1" ht="15" customHeight="1">
      <c r="B184" s="66"/>
      <c r="C184" s="40">
        <v>280406</v>
      </c>
      <c r="D184" s="71"/>
      <c r="E184" s="72"/>
      <c r="F184" s="72"/>
      <c r="G184" s="72"/>
      <c r="H184" s="72"/>
      <c r="I184" s="72" t="s">
        <v>177</v>
      </c>
      <c r="J184" s="72"/>
      <c r="K184" s="72"/>
      <c r="L184" s="52"/>
      <c r="M184" s="70"/>
      <c r="N184" s="20"/>
      <c r="O184" s="21"/>
    </row>
    <row r="185" spans="2:15" s="43" customFormat="1" ht="15" customHeight="1">
      <c r="B185" s="73"/>
      <c r="C185" s="40">
        <v>289553</v>
      </c>
      <c r="D185" s="67"/>
      <c r="E185" s="69"/>
      <c r="F185" s="69"/>
      <c r="G185" s="69"/>
      <c r="H185" s="69"/>
      <c r="I185" s="69" t="s">
        <v>178</v>
      </c>
      <c r="J185" s="69"/>
      <c r="K185" s="69"/>
      <c r="L185" s="52"/>
      <c r="M185" s="70"/>
      <c r="N185" s="20"/>
      <c r="O185" s="21"/>
    </row>
    <row r="186" spans="2:15" s="43" customFormat="1" ht="15" customHeight="1">
      <c r="B186" s="66"/>
      <c r="C186" s="40">
        <v>293958</v>
      </c>
      <c r="D186" s="71"/>
      <c r="E186" s="72"/>
      <c r="F186" s="72"/>
      <c r="G186" s="72"/>
      <c r="H186" s="72"/>
      <c r="I186" s="72" t="s">
        <v>179</v>
      </c>
      <c r="J186" s="72"/>
      <c r="K186" s="72"/>
      <c r="L186" s="52"/>
      <c r="M186" s="70"/>
      <c r="N186" s="20"/>
      <c r="O186" s="21"/>
    </row>
    <row r="187" spans="2:15" s="43" customFormat="1" ht="15" customHeight="1">
      <c r="B187" s="66"/>
      <c r="C187" s="40">
        <v>293967</v>
      </c>
      <c r="D187" s="67"/>
      <c r="E187" s="69"/>
      <c r="F187" s="69"/>
      <c r="G187" s="69"/>
      <c r="H187" s="69"/>
      <c r="I187" s="69" t="s">
        <v>180</v>
      </c>
      <c r="J187" s="69"/>
      <c r="K187" s="69"/>
      <c r="L187" s="52"/>
      <c r="M187" s="70"/>
      <c r="N187" s="20"/>
      <c r="O187" s="21"/>
    </row>
    <row r="188" spans="2:15" s="43" customFormat="1" ht="15" customHeight="1">
      <c r="B188" s="66"/>
      <c r="C188" s="40">
        <v>300284</v>
      </c>
      <c r="D188" s="71"/>
      <c r="E188" s="72"/>
      <c r="F188" s="72"/>
      <c r="G188" s="72"/>
      <c r="H188" s="72"/>
      <c r="I188" s="72" t="s">
        <v>181</v>
      </c>
      <c r="J188" s="72"/>
      <c r="K188" s="72"/>
      <c r="L188" s="52"/>
      <c r="M188" s="70"/>
      <c r="N188" s="20"/>
      <c r="O188" s="21"/>
    </row>
    <row r="189" spans="2:15" s="43" customFormat="1" ht="15" customHeight="1">
      <c r="B189" s="66"/>
      <c r="C189" s="40">
        <v>300333</v>
      </c>
      <c r="D189" s="67"/>
      <c r="E189" s="69"/>
      <c r="F189" s="69"/>
      <c r="G189" s="69"/>
      <c r="H189" s="69"/>
      <c r="I189" s="69" t="s">
        <v>182</v>
      </c>
      <c r="J189" s="69"/>
      <c r="K189" s="69"/>
      <c r="L189" s="52"/>
      <c r="M189" s="70"/>
      <c r="N189" s="20"/>
      <c r="O189" s="21"/>
    </row>
    <row r="190" spans="2:15" s="43" customFormat="1" ht="15" customHeight="1">
      <c r="B190" s="66"/>
      <c r="C190" s="40">
        <v>314404</v>
      </c>
      <c r="D190" s="71"/>
      <c r="E190" s="72"/>
      <c r="F190" s="72"/>
      <c r="G190" s="72"/>
      <c r="H190" s="72"/>
      <c r="I190" s="72" t="s">
        <v>183</v>
      </c>
      <c r="J190" s="72"/>
      <c r="K190" s="72"/>
      <c r="L190" s="52"/>
      <c r="M190" s="70"/>
      <c r="N190" s="20"/>
      <c r="O190" s="21"/>
    </row>
    <row r="191" spans="2:15" s="43" customFormat="1" ht="15" customHeight="1">
      <c r="B191" s="66"/>
      <c r="C191" s="40">
        <v>314597</v>
      </c>
      <c r="D191" s="67"/>
      <c r="E191" s="69"/>
      <c r="F191" s="69"/>
      <c r="G191" s="69"/>
      <c r="H191" s="69"/>
      <c r="I191" s="69" t="s">
        <v>184</v>
      </c>
      <c r="J191" s="69"/>
      <c r="K191" s="69"/>
      <c r="L191" s="52"/>
      <c r="M191" s="70"/>
      <c r="N191" s="20"/>
      <c r="O191" s="21"/>
    </row>
    <row r="192" spans="2:15" s="43" customFormat="1" ht="15" customHeight="1">
      <c r="B192" s="66"/>
      <c r="C192" s="40">
        <v>254707</v>
      </c>
      <c r="D192" s="71"/>
      <c r="E192" s="72"/>
      <c r="F192" s="72"/>
      <c r="G192" s="72"/>
      <c r="H192" s="72" t="s">
        <v>185</v>
      </c>
      <c r="I192" s="72"/>
      <c r="J192" s="72"/>
      <c r="K192" s="72"/>
      <c r="L192" s="52"/>
      <c r="M192" s="70"/>
      <c r="N192" s="20"/>
      <c r="O192" s="21"/>
    </row>
    <row r="193" spans="2:15" s="43" customFormat="1" ht="15" customHeight="1">
      <c r="B193" s="66"/>
      <c r="C193" s="40">
        <v>45360</v>
      </c>
      <c r="D193" s="67"/>
      <c r="E193" s="69"/>
      <c r="F193" s="69" t="s">
        <v>186</v>
      </c>
      <c r="G193" s="69"/>
      <c r="H193" s="69"/>
      <c r="I193" s="69"/>
      <c r="J193" s="69"/>
      <c r="K193" s="69"/>
      <c r="L193" s="52"/>
      <c r="M193" s="70"/>
      <c r="N193" s="20"/>
      <c r="O193" s="21"/>
    </row>
    <row r="194" spans="2:15" s="43" customFormat="1" ht="15" customHeight="1">
      <c r="B194" s="66"/>
      <c r="C194" s="40">
        <v>71276</v>
      </c>
      <c r="D194" s="71"/>
      <c r="E194" s="72"/>
      <c r="F194" s="72" t="s">
        <v>187</v>
      </c>
      <c r="G194" s="72"/>
      <c r="H194" s="72"/>
      <c r="I194" s="72"/>
      <c r="J194" s="72"/>
      <c r="K194" s="72"/>
      <c r="L194" s="52"/>
      <c r="M194" s="70"/>
      <c r="N194" s="20"/>
      <c r="O194" s="21"/>
    </row>
    <row r="195" spans="2:15" s="43" customFormat="1" ht="15" customHeight="1">
      <c r="B195" s="66"/>
      <c r="C195" s="40">
        <v>88620</v>
      </c>
      <c r="D195" s="67"/>
      <c r="E195" s="69"/>
      <c r="F195" s="69" t="s">
        <v>188</v>
      </c>
      <c r="G195" s="69"/>
      <c r="H195" s="69"/>
      <c r="I195" s="69"/>
      <c r="J195" s="69"/>
      <c r="K195" s="69"/>
      <c r="L195" s="52"/>
      <c r="M195" s="70"/>
      <c r="N195" s="20"/>
      <c r="O195" s="21"/>
    </row>
    <row r="196" spans="2:15" s="43" customFormat="1" ht="15" customHeight="1">
      <c r="B196" s="66"/>
      <c r="C196" s="40">
        <v>96333</v>
      </c>
      <c r="D196" s="71"/>
      <c r="E196" s="72"/>
      <c r="F196" s="72" t="s">
        <v>189</v>
      </c>
      <c r="G196" s="52"/>
      <c r="H196" s="52"/>
      <c r="I196" s="72"/>
      <c r="J196" s="72"/>
      <c r="K196" s="72"/>
      <c r="L196" s="52"/>
      <c r="M196" s="70"/>
      <c r="N196" s="20"/>
      <c r="O196" s="21"/>
    </row>
    <row r="197" spans="2:15" s="43" customFormat="1" ht="15" customHeight="1">
      <c r="B197" s="66"/>
      <c r="C197" s="40">
        <v>155835</v>
      </c>
      <c r="D197" s="71"/>
      <c r="E197" s="72"/>
      <c r="F197" s="72"/>
      <c r="G197" s="72" t="s">
        <v>190</v>
      </c>
      <c r="H197" s="52"/>
      <c r="I197" s="72"/>
      <c r="J197" s="72"/>
      <c r="K197" s="72"/>
      <c r="L197" s="52"/>
      <c r="M197" s="70"/>
      <c r="N197" s="20"/>
      <c r="O197" s="21"/>
    </row>
    <row r="198" spans="2:15" s="43" customFormat="1" ht="15" customHeight="1">
      <c r="B198" s="66"/>
      <c r="C198" s="40">
        <v>489</v>
      </c>
      <c r="D198" s="71"/>
      <c r="E198" s="72"/>
      <c r="F198" s="72"/>
      <c r="G198" s="72"/>
      <c r="H198" s="72" t="s">
        <v>191</v>
      </c>
      <c r="I198" s="72"/>
      <c r="J198" s="72"/>
      <c r="K198" s="72"/>
      <c r="L198" s="52"/>
      <c r="M198" s="70"/>
      <c r="N198" s="20"/>
      <c r="O198" s="21"/>
    </row>
    <row r="199" spans="2:15" s="43" customFormat="1" ht="15" customHeight="1">
      <c r="B199" s="66"/>
      <c r="C199" s="40">
        <v>141013</v>
      </c>
      <c r="D199" s="67"/>
      <c r="E199" s="69"/>
      <c r="F199" s="69"/>
      <c r="G199" s="69"/>
      <c r="H199" s="69" t="s">
        <v>192</v>
      </c>
      <c r="I199" s="69"/>
      <c r="J199" s="69"/>
      <c r="K199" s="69"/>
      <c r="L199" s="52"/>
      <c r="M199" s="70"/>
      <c r="N199" s="20"/>
      <c r="O199" s="21"/>
    </row>
    <row r="200" spans="2:15" s="43" customFormat="1" ht="15" customHeight="1">
      <c r="B200" s="66"/>
      <c r="C200" s="40">
        <v>141022</v>
      </c>
      <c r="D200" s="71"/>
      <c r="E200" s="72"/>
      <c r="F200" s="72"/>
      <c r="G200" s="72"/>
      <c r="H200" s="72" t="s">
        <v>193</v>
      </c>
      <c r="I200" s="72"/>
      <c r="J200" s="72"/>
      <c r="K200" s="72"/>
      <c r="L200" s="52"/>
      <c r="M200" s="70"/>
      <c r="N200" s="20"/>
      <c r="O200" s="21"/>
    </row>
    <row r="201" spans="2:15" s="43" customFormat="1" ht="15" customHeight="1">
      <c r="B201" s="66"/>
      <c r="C201" s="40">
        <v>141030</v>
      </c>
      <c r="D201" s="67"/>
      <c r="E201" s="69"/>
      <c r="F201" s="69"/>
      <c r="G201" s="69"/>
      <c r="H201" s="69" t="s">
        <v>194</v>
      </c>
      <c r="I201" s="69"/>
      <c r="J201" s="69"/>
      <c r="K201" s="69"/>
      <c r="L201" s="52"/>
      <c r="M201" s="70"/>
      <c r="N201" s="20"/>
      <c r="O201" s="21"/>
    </row>
    <row r="202" spans="2:15" s="43" customFormat="1" ht="15" customHeight="1">
      <c r="B202" s="66"/>
      <c r="C202" s="40">
        <v>141037</v>
      </c>
      <c r="D202" s="71"/>
      <c r="E202" s="72"/>
      <c r="F202" s="72"/>
      <c r="G202" s="72"/>
      <c r="H202" s="72" t="s">
        <v>195</v>
      </c>
      <c r="I202" s="72"/>
      <c r="J202" s="72"/>
      <c r="K202" s="72"/>
      <c r="L202" s="52"/>
      <c r="M202" s="70"/>
      <c r="N202" s="20"/>
      <c r="O202" s="21"/>
    </row>
    <row r="203" spans="2:15" s="43" customFormat="1" ht="15" customHeight="1">
      <c r="B203" s="66"/>
      <c r="C203" s="40">
        <v>141046</v>
      </c>
      <c r="D203" s="67"/>
      <c r="E203" s="69"/>
      <c r="F203" s="69"/>
      <c r="G203" s="69"/>
      <c r="H203" s="69" t="s">
        <v>196</v>
      </c>
      <c r="I203" s="69"/>
      <c r="J203" s="69"/>
      <c r="K203" s="69"/>
      <c r="L203" s="52"/>
      <c r="M203" s="70"/>
      <c r="N203" s="20"/>
      <c r="O203" s="21"/>
    </row>
    <row r="204" spans="2:15" s="43" customFormat="1" ht="15" customHeight="1">
      <c r="B204" s="66"/>
      <c r="C204" s="40">
        <v>141051</v>
      </c>
      <c r="D204" s="71"/>
      <c r="E204" s="72"/>
      <c r="F204" s="72"/>
      <c r="G204" s="72"/>
      <c r="H204" s="72" t="s">
        <v>197</v>
      </c>
      <c r="I204" s="72"/>
      <c r="J204" s="72"/>
      <c r="K204" s="72"/>
      <c r="L204" s="52"/>
      <c r="M204" s="70"/>
      <c r="N204" s="20"/>
      <c r="O204" s="21"/>
    </row>
    <row r="205" spans="2:15" s="43" customFormat="1" ht="15" customHeight="1">
      <c r="B205" s="66"/>
      <c r="C205" s="40">
        <v>141061</v>
      </c>
      <c r="D205" s="67"/>
      <c r="E205" s="69"/>
      <c r="F205" s="69"/>
      <c r="G205" s="69"/>
      <c r="H205" s="69" t="s">
        <v>198</v>
      </c>
      <c r="I205" s="69"/>
      <c r="J205" s="69"/>
      <c r="K205" s="69"/>
      <c r="L205" s="52"/>
      <c r="M205" s="70"/>
      <c r="N205" s="20"/>
      <c r="O205" s="21"/>
    </row>
    <row r="206" spans="2:15" s="43" customFormat="1" ht="15" customHeight="1">
      <c r="B206" s="66"/>
      <c r="C206" s="40">
        <v>141064</v>
      </c>
      <c r="D206" s="71"/>
      <c r="E206" s="72"/>
      <c r="F206" s="72"/>
      <c r="G206" s="72"/>
      <c r="H206" s="72" t="s">
        <v>199</v>
      </c>
      <c r="I206" s="72"/>
      <c r="J206" s="72"/>
      <c r="K206" s="72"/>
      <c r="L206" s="52"/>
      <c r="M206" s="70"/>
      <c r="N206" s="20"/>
      <c r="O206" s="21"/>
    </row>
    <row r="207" spans="2:15" s="43" customFormat="1" ht="15" customHeight="1">
      <c r="B207" s="66"/>
      <c r="C207" s="40">
        <v>141067</v>
      </c>
      <c r="D207" s="67"/>
      <c r="E207" s="69"/>
      <c r="F207" s="69"/>
      <c r="G207" s="69"/>
      <c r="H207" s="69" t="s">
        <v>200</v>
      </c>
      <c r="I207" s="69"/>
      <c r="J207" s="69"/>
      <c r="K207" s="69"/>
      <c r="L207" s="52"/>
      <c r="M207" s="70"/>
      <c r="N207" s="20"/>
      <c r="O207" s="21"/>
    </row>
    <row r="208" spans="2:15" s="43" customFormat="1" ht="15" customHeight="1">
      <c r="B208" s="66"/>
      <c r="C208" s="40">
        <v>141071</v>
      </c>
      <c r="D208" s="71"/>
      <c r="E208" s="72"/>
      <c r="F208" s="72"/>
      <c r="G208" s="72"/>
      <c r="H208" s="72" t="s">
        <v>201</v>
      </c>
      <c r="I208" s="72"/>
      <c r="J208" s="72"/>
      <c r="K208" s="72"/>
      <c r="L208" s="52"/>
      <c r="M208" s="70"/>
      <c r="N208" s="20"/>
      <c r="O208" s="21"/>
    </row>
    <row r="209" spans="2:15" s="43" customFormat="1" ht="15" customHeight="1">
      <c r="B209" s="66"/>
      <c r="C209" s="40">
        <v>141103</v>
      </c>
      <c r="D209" s="67"/>
      <c r="E209" s="69"/>
      <c r="F209" s="69"/>
      <c r="G209" s="69"/>
      <c r="H209" s="69" t="s">
        <v>202</v>
      </c>
      <c r="I209" s="69"/>
      <c r="J209" s="69"/>
      <c r="K209" s="69"/>
      <c r="L209" s="52"/>
      <c r="M209" s="70"/>
      <c r="N209" s="20"/>
      <c r="O209" s="21"/>
    </row>
    <row r="210" spans="2:15" s="43" customFormat="1" ht="15" customHeight="1">
      <c r="B210" s="66"/>
      <c r="C210" s="40">
        <v>141219</v>
      </c>
      <c r="D210" s="71"/>
      <c r="E210" s="72"/>
      <c r="F210" s="72"/>
      <c r="G210" s="72"/>
      <c r="H210" s="72" t="s">
        <v>203</v>
      </c>
      <c r="I210" s="72"/>
      <c r="J210" s="72"/>
      <c r="K210" s="72"/>
      <c r="L210" s="52"/>
      <c r="M210" s="70"/>
      <c r="N210" s="20"/>
      <c r="O210" s="21"/>
    </row>
    <row r="211" spans="2:15" s="43" customFormat="1" ht="15" customHeight="1">
      <c r="B211" s="66"/>
      <c r="C211" s="40">
        <v>155838</v>
      </c>
      <c r="D211" s="67"/>
      <c r="E211" s="69"/>
      <c r="F211" s="69"/>
      <c r="G211" s="69"/>
      <c r="H211" s="69" t="s">
        <v>204</v>
      </c>
      <c r="I211" s="69"/>
      <c r="J211" s="69"/>
      <c r="K211" s="69"/>
      <c r="L211" s="52"/>
      <c r="M211" s="70"/>
      <c r="N211" s="20"/>
      <c r="O211" s="21"/>
    </row>
    <row r="212" spans="2:15" s="43" customFormat="1" ht="15" customHeight="1">
      <c r="B212" s="73"/>
      <c r="C212" s="40">
        <v>155896</v>
      </c>
      <c r="D212" s="71"/>
      <c r="E212" s="72"/>
      <c r="F212" s="72"/>
      <c r="G212" s="72" t="s">
        <v>205</v>
      </c>
      <c r="H212" s="52"/>
      <c r="I212" s="52"/>
      <c r="J212" s="72"/>
      <c r="K212" s="72"/>
      <c r="L212" s="52"/>
      <c r="M212" s="70"/>
      <c r="N212" s="20"/>
      <c r="O212" s="21"/>
    </row>
    <row r="213" spans="2:15" s="43" customFormat="1" ht="15" customHeight="1">
      <c r="B213" s="66"/>
      <c r="C213" s="40">
        <v>141132</v>
      </c>
      <c r="D213" s="71"/>
      <c r="E213" s="72"/>
      <c r="F213" s="72"/>
      <c r="G213" s="72"/>
      <c r="H213" s="72" t="s">
        <v>206</v>
      </c>
      <c r="I213" s="52"/>
      <c r="J213" s="72"/>
      <c r="K213" s="72"/>
      <c r="L213" s="52"/>
      <c r="M213" s="70"/>
      <c r="N213" s="20"/>
      <c r="O213" s="21"/>
    </row>
    <row r="214" spans="2:15" s="43" customFormat="1" ht="15" customHeight="1">
      <c r="B214" s="66"/>
      <c r="C214" s="40">
        <v>374</v>
      </c>
      <c r="D214" s="71"/>
      <c r="E214" s="72"/>
      <c r="F214" s="72"/>
      <c r="G214" s="72"/>
      <c r="H214" s="72"/>
      <c r="I214" s="72" t="s">
        <v>207</v>
      </c>
      <c r="J214" s="72"/>
      <c r="K214" s="72"/>
      <c r="L214" s="52"/>
      <c r="M214" s="70"/>
      <c r="N214" s="20"/>
      <c r="O214" s="21"/>
    </row>
    <row r="215" spans="2:15" s="43" customFormat="1" ht="15" customHeight="1">
      <c r="B215" s="66"/>
      <c r="C215" s="40">
        <v>137888</v>
      </c>
      <c r="D215" s="67"/>
      <c r="E215" s="69"/>
      <c r="F215" s="69"/>
      <c r="G215" s="69"/>
      <c r="H215" s="69"/>
      <c r="I215" s="69" t="s">
        <v>208</v>
      </c>
      <c r="J215" s="69"/>
      <c r="K215" s="69"/>
      <c r="L215" s="52"/>
      <c r="M215" s="70"/>
      <c r="N215" s="20"/>
      <c r="O215" s="21"/>
    </row>
    <row r="216" spans="2:15">
      <c r="B216" s="74"/>
      <c r="C216" s="40">
        <v>141136</v>
      </c>
      <c r="D216" s="71"/>
      <c r="E216" s="72"/>
      <c r="F216" s="72"/>
      <c r="G216" s="72"/>
      <c r="H216" s="72"/>
      <c r="I216" s="72" t="s">
        <v>209</v>
      </c>
      <c r="J216" s="72"/>
      <c r="K216" s="72"/>
      <c r="L216" s="75"/>
      <c r="M216" s="76"/>
      <c r="N216" s="62"/>
      <c r="O216" s="63"/>
    </row>
    <row r="217" spans="2:15">
      <c r="B217" s="74"/>
      <c r="C217" s="40">
        <v>155899</v>
      </c>
      <c r="D217" s="67"/>
      <c r="E217" s="69"/>
      <c r="F217" s="69"/>
      <c r="G217" s="69"/>
      <c r="H217" s="69" t="s">
        <v>210</v>
      </c>
      <c r="I217" s="52"/>
      <c r="J217" s="69"/>
      <c r="K217" s="69"/>
      <c r="L217" s="75"/>
      <c r="M217" s="76"/>
      <c r="N217" s="62"/>
      <c r="O217" s="63"/>
    </row>
    <row r="218" spans="2:15">
      <c r="B218" s="74"/>
      <c r="C218" s="40">
        <v>861</v>
      </c>
      <c r="D218" s="67"/>
      <c r="E218" s="69"/>
      <c r="F218" s="69"/>
      <c r="G218" s="69"/>
      <c r="H218" s="69"/>
      <c r="I218" s="69" t="s">
        <v>29</v>
      </c>
      <c r="J218" s="69"/>
      <c r="K218" s="69"/>
      <c r="L218" s="75"/>
      <c r="M218" s="76"/>
      <c r="N218" s="62"/>
      <c r="O218" s="63"/>
    </row>
    <row r="219" spans="2:15">
      <c r="B219" s="74"/>
      <c r="C219" s="40">
        <v>950</v>
      </c>
      <c r="D219" s="71"/>
      <c r="E219" s="72"/>
      <c r="F219" s="72"/>
      <c r="G219" s="72"/>
      <c r="H219" s="72"/>
      <c r="I219" s="72" t="s">
        <v>211</v>
      </c>
      <c r="J219" s="52"/>
      <c r="K219" s="72"/>
      <c r="L219" s="75"/>
      <c r="M219" s="76"/>
      <c r="N219" s="62"/>
      <c r="O219" s="63"/>
    </row>
    <row r="220" spans="2:15">
      <c r="B220" s="74"/>
      <c r="C220" s="40">
        <v>245</v>
      </c>
      <c r="D220" s="71"/>
      <c r="E220" s="72"/>
      <c r="F220" s="72"/>
      <c r="G220" s="72"/>
      <c r="H220" s="72"/>
      <c r="I220" s="72"/>
      <c r="J220" s="72" t="s">
        <v>212</v>
      </c>
      <c r="K220" s="72"/>
      <c r="L220" s="75"/>
      <c r="M220" s="76"/>
      <c r="N220" s="62"/>
      <c r="O220" s="63"/>
    </row>
    <row r="221" spans="2:15">
      <c r="B221" s="74"/>
      <c r="C221" s="40">
        <v>246</v>
      </c>
      <c r="D221" s="67"/>
      <c r="E221" s="69"/>
      <c r="F221" s="69"/>
      <c r="G221" s="69"/>
      <c r="H221" s="69"/>
      <c r="I221" s="69"/>
      <c r="J221" s="69" t="s">
        <v>213</v>
      </c>
      <c r="K221" s="69"/>
      <c r="L221" s="75"/>
      <c r="M221" s="76"/>
      <c r="N221" s="62"/>
      <c r="O221" s="63"/>
    </row>
    <row r="222" spans="2:15">
      <c r="B222" s="74"/>
      <c r="C222" s="40">
        <v>1131</v>
      </c>
      <c r="D222" s="71"/>
      <c r="E222" s="72"/>
      <c r="F222" s="72"/>
      <c r="G222" s="72"/>
      <c r="H222" s="72"/>
      <c r="I222" s="72"/>
      <c r="J222" s="72" t="s">
        <v>214</v>
      </c>
      <c r="K222" s="72"/>
      <c r="L222" s="75"/>
      <c r="M222" s="76"/>
      <c r="N222" s="62"/>
      <c r="O222" s="63"/>
    </row>
    <row r="223" spans="2:15">
      <c r="B223" s="74"/>
      <c r="C223" s="40">
        <v>280651</v>
      </c>
      <c r="D223" s="67"/>
      <c r="E223" s="69"/>
      <c r="F223" s="69"/>
      <c r="G223" s="69"/>
      <c r="H223" s="69"/>
      <c r="I223" s="69" t="s">
        <v>215</v>
      </c>
      <c r="J223" s="69"/>
      <c r="K223" s="69"/>
      <c r="L223" s="75"/>
      <c r="M223" s="76"/>
      <c r="N223" s="62"/>
      <c r="O223" s="63"/>
    </row>
    <row r="224" spans="2:15">
      <c r="B224" s="74"/>
      <c r="C224" s="40">
        <v>156202</v>
      </c>
      <c r="D224" s="71"/>
      <c r="E224" s="72"/>
      <c r="F224" s="72"/>
      <c r="G224" s="72"/>
      <c r="H224" s="72" t="s">
        <v>216</v>
      </c>
      <c r="I224" s="52"/>
      <c r="J224" s="72"/>
      <c r="K224" s="72"/>
      <c r="L224" s="75"/>
      <c r="M224" s="76"/>
      <c r="N224" s="62"/>
      <c r="O224" s="63"/>
    </row>
    <row r="225" spans="2:15">
      <c r="B225" s="74"/>
      <c r="C225" s="40">
        <v>857</v>
      </c>
      <c r="D225" s="71"/>
      <c r="E225" s="72"/>
      <c r="F225" s="72"/>
      <c r="G225" s="72"/>
      <c r="H225" s="72"/>
      <c r="I225" s="72" t="s">
        <v>27</v>
      </c>
      <c r="J225" s="72"/>
      <c r="K225" s="72"/>
      <c r="L225" s="75"/>
      <c r="M225" s="76"/>
      <c r="N225" s="62"/>
      <c r="O225" s="63"/>
    </row>
    <row r="226" spans="2:15">
      <c r="B226" s="74"/>
      <c r="C226" s="40">
        <v>107</v>
      </c>
      <c r="D226" s="67"/>
      <c r="E226" s="69"/>
      <c r="F226" s="69"/>
      <c r="G226" s="69"/>
      <c r="H226" s="69"/>
      <c r="I226" s="69" t="s">
        <v>28</v>
      </c>
      <c r="J226" s="69"/>
      <c r="K226" s="69"/>
      <c r="L226" s="75"/>
      <c r="M226" s="76"/>
      <c r="N226" s="62"/>
      <c r="O226" s="63"/>
    </row>
    <row r="227" spans="2:15">
      <c r="B227" s="74"/>
      <c r="C227" s="40">
        <v>1296</v>
      </c>
      <c r="D227" s="71"/>
      <c r="E227" s="72"/>
      <c r="F227" s="72"/>
      <c r="G227" s="72"/>
      <c r="H227" s="72"/>
      <c r="I227" s="72" t="s">
        <v>217</v>
      </c>
      <c r="J227" s="72"/>
      <c r="K227" s="72"/>
      <c r="L227" s="75"/>
      <c r="M227" s="76"/>
      <c r="N227" s="62"/>
      <c r="O227" s="63"/>
    </row>
    <row r="228" spans="2:15">
      <c r="B228" s="74"/>
      <c r="C228" s="40">
        <v>156237</v>
      </c>
      <c r="D228" s="67"/>
      <c r="E228" s="69"/>
      <c r="F228" s="69"/>
      <c r="G228" s="69" t="s">
        <v>218</v>
      </c>
      <c r="H228" s="52"/>
      <c r="I228" s="69"/>
      <c r="J228" s="69"/>
      <c r="K228" s="69"/>
      <c r="L228" s="75"/>
      <c r="M228" s="76"/>
      <c r="N228" s="62"/>
      <c r="O228" s="63"/>
    </row>
    <row r="229" spans="2:15">
      <c r="B229" s="74"/>
      <c r="C229" s="40">
        <v>138</v>
      </c>
      <c r="D229" s="67"/>
      <c r="E229" s="69"/>
      <c r="F229" s="69"/>
      <c r="G229" s="69"/>
      <c r="H229" s="69" t="s">
        <v>24</v>
      </c>
      <c r="I229" s="69"/>
      <c r="J229" s="69"/>
      <c r="K229" s="69"/>
      <c r="L229" s="75"/>
      <c r="M229" s="76"/>
      <c r="N229" s="62"/>
      <c r="O229" s="63"/>
    </row>
    <row r="230" spans="2:15">
      <c r="B230" s="74"/>
      <c r="C230" s="40">
        <v>567</v>
      </c>
      <c r="D230" s="71"/>
      <c r="E230" s="72"/>
      <c r="F230" s="72"/>
      <c r="G230" s="72"/>
      <c r="H230" s="72" t="s">
        <v>25</v>
      </c>
      <c r="I230" s="72"/>
      <c r="J230" s="72"/>
      <c r="K230" s="72"/>
      <c r="L230" s="75"/>
      <c r="M230" s="76"/>
      <c r="N230" s="62"/>
      <c r="O230" s="63"/>
    </row>
    <row r="231" spans="2:15">
      <c r="B231" s="74"/>
      <c r="C231" s="40">
        <v>107</v>
      </c>
      <c r="D231" s="67"/>
      <c r="E231" s="69"/>
      <c r="F231" s="69"/>
      <c r="G231" s="69"/>
      <c r="H231" s="69" t="s">
        <v>28</v>
      </c>
      <c r="I231" s="69"/>
      <c r="J231" s="69"/>
      <c r="K231" s="69"/>
      <c r="L231" s="75"/>
      <c r="M231" s="76"/>
      <c r="N231" s="62"/>
      <c r="O231" s="63"/>
    </row>
    <row r="232" spans="2:15">
      <c r="B232" s="74"/>
      <c r="C232" s="40">
        <v>116</v>
      </c>
      <c r="D232" s="71"/>
      <c r="E232" s="72"/>
      <c r="F232" s="72"/>
      <c r="G232" s="72"/>
      <c r="H232" s="72" t="s">
        <v>219</v>
      </c>
      <c r="I232" s="52"/>
      <c r="J232" s="72"/>
      <c r="K232" s="72"/>
      <c r="L232" s="75"/>
      <c r="M232" s="76"/>
      <c r="N232" s="62"/>
      <c r="O232" s="63"/>
    </row>
    <row r="233" spans="2:15">
      <c r="B233" s="74"/>
      <c r="C233" s="40">
        <v>96076</v>
      </c>
      <c r="D233" s="71"/>
      <c r="E233" s="72"/>
      <c r="F233" s="72"/>
      <c r="G233" s="72"/>
      <c r="H233" s="72"/>
      <c r="I233" s="72" t="s">
        <v>220</v>
      </c>
      <c r="J233" s="72"/>
      <c r="K233" s="72"/>
      <c r="L233" s="75"/>
      <c r="M233" s="76"/>
      <c r="N233" s="62"/>
      <c r="O233" s="63"/>
    </row>
    <row r="234" spans="2:15">
      <c r="B234" s="74"/>
      <c r="C234" s="40">
        <v>96193</v>
      </c>
      <c r="D234" s="67"/>
      <c r="E234" s="69"/>
      <c r="F234" s="69"/>
      <c r="G234" s="69"/>
      <c r="H234" s="69"/>
      <c r="I234" s="69" t="s">
        <v>221</v>
      </c>
      <c r="J234" s="69"/>
      <c r="K234" s="69"/>
      <c r="L234" s="75"/>
      <c r="M234" s="76"/>
      <c r="N234" s="62"/>
      <c r="O234" s="63"/>
    </row>
    <row r="235" spans="2:15">
      <c r="B235" s="74"/>
      <c r="C235" s="40">
        <v>231117</v>
      </c>
      <c r="D235" s="71"/>
      <c r="E235" s="72"/>
      <c r="F235" s="72"/>
      <c r="G235" s="72"/>
      <c r="H235" s="72"/>
      <c r="I235" s="72" t="s">
        <v>222</v>
      </c>
      <c r="J235" s="72"/>
      <c r="K235" s="72"/>
      <c r="L235" s="75"/>
      <c r="M235" s="76"/>
      <c r="N235" s="62"/>
      <c r="O235" s="63"/>
    </row>
    <row r="236" spans="2:15">
      <c r="B236" s="74"/>
      <c r="C236" s="40">
        <v>231120</v>
      </c>
      <c r="D236" s="67"/>
      <c r="E236" s="69"/>
      <c r="F236" s="69"/>
      <c r="G236" s="69"/>
      <c r="H236" s="69"/>
      <c r="I236" s="69" t="s">
        <v>223</v>
      </c>
      <c r="J236" s="69"/>
      <c r="K236" s="69"/>
      <c r="L236" s="75"/>
      <c r="M236" s="76"/>
      <c r="N236" s="62"/>
      <c r="O236" s="63"/>
    </row>
    <row r="237" spans="2:15">
      <c r="B237" s="74"/>
      <c r="C237" s="40">
        <v>231127</v>
      </c>
      <c r="D237" s="71"/>
      <c r="E237" s="72"/>
      <c r="F237" s="72"/>
      <c r="G237" s="72"/>
      <c r="H237" s="72"/>
      <c r="I237" s="72" t="s">
        <v>224</v>
      </c>
      <c r="J237" s="72"/>
      <c r="K237" s="72"/>
      <c r="L237" s="75"/>
      <c r="M237" s="76"/>
      <c r="N237" s="62"/>
      <c r="O237" s="63"/>
    </row>
    <row r="238" spans="2:15">
      <c r="B238" s="74"/>
      <c r="C238" s="40">
        <v>231130</v>
      </c>
      <c r="D238" s="67"/>
      <c r="E238" s="69"/>
      <c r="F238" s="69"/>
      <c r="G238" s="69"/>
      <c r="H238" s="69"/>
      <c r="I238" s="69" t="s">
        <v>225</v>
      </c>
      <c r="J238" s="69"/>
      <c r="K238" s="69"/>
      <c r="L238" s="75"/>
      <c r="M238" s="76"/>
      <c r="N238" s="62"/>
      <c r="O238" s="63"/>
    </row>
    <row r="239" spans="2:15">
      <c r="B239" s="74"/>
      <c r="C239" s="40">
        <v>238613</v>
      </c>
      <c r="D239" s="71"/>
      <c r="E239" s="72"/>
      <c r="F239" s="72"/>
      <c r="G239" s="72"/>
      <c r="H239" s="72"/>
      <c r="I239" s="72" t="s">
        <v>226</v>
      </c>
      <c r="J239" s="72"/>
      <c r="K239" s="72"/>
      <c r="L239" s="75"/>
      <c r="M239" s="76"/>
      <c r="N239" s="62"/>
      <c r="O239" s="63"/>
    </row>
    <row r="240" spans="2:15">
      <c r="B240" s="74"/>
      <c r="C240" s="40">
        <v>861</v>
      </c>
      <c r="D240" s="67"/>
      <c r="E240" s="69"/>
      <c r="F240" s="69"/>
      <c r="G240" s="69"/>
      <c r="H240" s="69" t="s">
        <v>29</v>
      </c>
      <c r="I240" s="69"/>
      <c r="J240" s="69"/>
      <c r="K240" s="69"/>
      <c r="L240" s="75"/>
      <c r="M240" s="76"/>
      <c r="N240" s="62"/>
      <c r="O240" s="63"/>
    </row>
    <row r="241" spans="2:15">
      <c r="B241" s="74"/>
      <c r="C241" s="40">
        <v>1600</v>
      </c>
      <c r="D241" s="71"/>
      <c r="E241" s="72"/>
      <c r="F241" s="72"/>
      <c r="G241" s="72"/>
      <c r="H241" s="72" t="s">
        <v>227</v>
      </c>
      <c r="I241" s="72"/>
      <c r="J241" s="72"/>
      <c r="K241" s="72"/>
      <c r="L241" s="75"/>
      <c r="M241" s="76"/>
      <c r="N241" s="62"/>
      <c r="O241" s="63"/>
    </row>
    <row r="242" spans="2:15">
      <c r="B242" s="74"/>
      <c r="C242" s="40">
        <v>245</v>
      </c>
      <c r="D242" s="67"/>
      <c r="E242" s="69"/>
      <c r="F242" s="69"/>
      <c r="G242" s="69"/>
      <c r="H242" s="69" t="s">
        <v>212</v>
      </c>
      <c r="I242" s="69"/>
      <c r="J242" s="69"/>
      <c r="K242" s="69"/>
      <c r="L242" s="75"/>
      <c r="M242" s="76"/>
      <c r="N242" s="62"/>
      <c r="O242" s="63"/>
    </row>
    <row r="243" spans="2:15">
      <c r="B243" s="74"/>
      <c r="C243" s="40">
        <v>246</v>
      </c>
      <c r="D243" s="71"/>
      <c r="E243" s="72"/>
      <c r="F243" s="72"/>
      <c r="G243" s="72"/>
      <c r="H243" s="72" t="s">
        <v>213</v>
      </c>
      <c r="I243" s="72"/>
      <c r="J243" s="72"/>
      <c r="K243" s="72"/>
      <c r="L243" s="75"/>
      <c r="M243" s="76"/>
      <c r="N243" s="62"/>
      <c r="O243" s="63"/>
    </row>
    <row r="244" spans="2:15">
      <c r="B244" s="74"/>
      <c r="C244" s="40">
        <v>374</v>
      </c>
      <c r="D244" s="67"/>
      <c r="E244" s="69"/>
      <c r="F244" s="69"/>
      <c r="G244" s="69"/>
      <c r="H244" s="69" t="s">
        <v>207</v>
      </c>
      <c r="I244" s="69"/>
      <c r="J244" s="69"/>
      <c r="K244" s="69"/>
      <c r="L244" s="75"/>
      <c r="M244" s="76"/>
      <c r="N244" s="62"/>
      <c r="O244" s="63"/>
    </row>
    <row r="245" spans="2:15">
      <c r="B245" s="74"/>
      <c r="C245" s="40">
        <v>718</v>
      </c>
      <c r="D245" s="71"/>
      <c r="E245" s="72"/>
      <c r="F245" s="72"/>
      <c r="G245" s="72"/>
      <c r="H245" s="72" t="s">
        <v>228</v>
      </c>
      <c r="I245" s="72"/>
      <c r="J245" s="72"/>
      <c r="K245" s="72"/>
      <c r="L245" s="75"/>
      <c r="M245" s="76"/>
      <c r="N245" s="62"/>
      <c r="O245" s="63"/>
    </row>
    <row r="246" spans="2:15">
      <c r="B246" s="74"/>
      <c r="C246" s="40">
        <v>744</v>
      </c>
      <c r="D246" s="67"/>
      <c r="E246" s="69"/>
      <c r="F246" s="69"/>
      <c r="G246" s="69"/>
      <c r="H246" s="69" t="s">
        <v>229</v>
      </c>
      <c r="I246" s="69"/>
      <c r="J246" s="69"/>
      <c r="K246" s="69"/>
      <c r="L246" s="75"/>
      <c r="M246" s="76"/>
      <c r="N246" s="62"/>
      <c r="O246" s="63"/>
    </row>
    <row r="247" spans="2:15">
      <c r="B247" s="74"/>
      <c r="C247" s="40">
        <v>3205</v>
      </c>
      <c r="D247" s="71"/>
      <c r="E247" s="72"/>
      <c r="F247" s="72"/>
      <c r="G247" s="72"/>
      <c r="H247" s="72" t="s">
        <v>230</v>
      </c>
      <c r="I247" s="72"/>
      <c r="J247" s="72"/>
      <c r="K247" s="72"/>
      <c r="L247" s="75"/>
      <c r="M247" s="76"/>
      <c r="N247" s="62"/>
      <c r="O247" s="63"/>
    </row>
    <row r="248" spans="2:15">
      <c r="B248" s="74"/>
      <c r="C248" s="40">
        <v>828</v>
      </c>
      <c r="D248" s="67"/>
      <c r="E248" s="69"/>
      <c r="F248" s="69"/>
      <c r="G248" s="69"/>
      <c r="H248" s="69" t="s">
        <v>55</v>
      </c>
      <c r="I248" s="52"/>
      <c r="J248" s="69"/>
      <c r="K248" s="69"/>
      <c r="L248" s="75"/>
      <c r="M248" s="76"/>
      <c r="N248" s="62"/>
      <c r="O248" s="63"/>
    </row>
    <row r="249" spans="2:15">
      <c r="B249" s="74"/>
      <c r="C249" s="40">
        <v>90653</v>
      </c>
      <c r="D249" s="67"/>
      <c r="E249" s="69"/>
      <c r="F249" s="69"/>
      <c r="G249" s="69"/>
      <c r="H249" s="69"/>
      <c r="I249" s="69" t="s">
        <v>56</v>
      </c>
      <c r="J249" s="69"/>
      <c r="K249" s="69"/>
      <c r="L249" s="75"/>
      <c r="M249" s="76"/>
      <c r="N249" s="62"/>
      <c r="O249" s="63"/>
    </row>
    <row r="250" spans="2:15">
      <c r="B250" s="74"/>
      <c r="C250" s="40">
        <v>90654</v>
      </c>
      <c r="D250" s="71"/>
      <c r="E250" s="72"/>
      <c r="F250" s="72"/>
      <c r="G250" s="72"/>
      <c r="H250" s="72"/>
      <c r="I250" s="72" t="s">
        <v>57</v>
      </c>
      <c r="J250" s="72"/>
      <c r="K250" s="72"/>
      <c r="L250" s="75"/>
      <c r="M250" s="76"/>
      <c r="N250" s="62"/>
      <c r="O250" s="63"/>
    </row>
    <row r="251" spans="2:15">
      <c r="B251" s="74"/>
      <c r="C251" s="40">
        <v>250984</v>
      </c>
      <c r="D251" s="67"/>
      <c r="E251" s="69"/>
      <c r="F251" s="69"/>
      <c r="G251" s="69"/>
      <c r="H251" s="69"/>
      <c r="I251" s="69" t="s">
        <v>58</v>
      </c>
      <c r="J251" s="69"/>
      <c r="K251" s="69"/>
      <c r="L251" s="75"/>
      <c r="M251" s="76"/>
      <c r="N251" s="62"/>
      <c r="O251" s="63"/>
    </row>
    <row r="252" spans="2:15">
      <c r="B252" s="74"/>
      <c r="C252" s="40">
        <v>373</v>
      </c>
      <c r="D252" s="71"/>
      <c r="E252" s="72"/>
      <c r="F252" s="72"/>
      <c r="G252" s="72"/>
      <c r="H252" s="72" t="s">
        <v>231</v>
      </c>
      <c r="I252" s="72"/>
      <c r="J252" s="72"/>
      <c r="K252" s="72"/>
      <c r="L252" s="75"/>
      <c r="M252" s="76"/>
      <c r="N252" s="62"/>
      <c r="O252" s="63"/>
    </row>
    <row r="253" spans="2:15">
      <c r="B253" s="74"/>
      <c r="C253" s="40">
        <v>888</v>
      </c>
      <c r="D253" s="67"/>
      <c r="E253" s="69"/>
      <c r="F253" s="69"/>
      <c r="G253" s="69"/>
      <c r="H253" s="69" t="s">
        <v>232</v>
      </c>
      <c r="I253" s="69"/>
      <c r="J253" s="69"/>
      <c r="K253" s="69"/>
      <c r="L253" s="75"/>
      <c r="M253" s="76"/>
      <c r="N253" s="62"/>
      <c r="O253" s="63"/>
    </row>
    <row r="254" spans="2:15">
      <c r="B254" s="74"/>
      <c r="C254" s="40">
        <v>1071</v>
      </c>
      <c r="D254" s="71"/>
      <c r="E254" s="72"/>
      <c r="F254" s="72"/>
      <c r="G254" s="72"/>
      <c r="H254" s="72" t="s">
        <v>233</v>
      </c>
      <c r="I254" s="72"/>
      <c r="J254" s="72"/>
      <c r="K254" s="72"/>
      <c r="L254" s="75"/>
      <c r="M254" s="76"/>
      <c r="N254" s="62"/>
      <c r="O254" s="63"/>
    </row>
    <row r="255" spans="2:15">
      <c r="B255" s="74"/>
      <c r="C255" s="40">
        <v>1074</v>
      </c>
      <c r="D255" s="67"/>
      <c r="E255" s="69"/>
      <c r="F255" s="69"/>
      <c r="G255" s="69"/>
      <c r="H255" s="69" t="s">
        <v>234</v>
      </c>
      <c r="I255" s="69"/>
      <c r="J255" s="69"/>
      <c r="K255" s="69"/>
      <c r="L255" s="75"/>
      <c r="M255" s="76"/>
      <c r="N255" s="62"/>
      <c r="O255" s="63"/>
    </row>
    <row r="256" spans="2:15">
      <c r="B256" s="74"/>
      <c r="C256" s="40">
        <v>1248</v>
      </c>
      <c r="D256" s="71"/>
      <c r="E256" s="72"/>
      <c r="F256" s="72"/>
      <c r="G256" s="72"/>
      <c r="H256" s="72" t="s">
        <v>69</v>
      </c>
      <c r="I256" s="72"/>
      <c r="J256" s="72"/>
      <c r="K256" s="72"/>
      <c r="L256" s="75"/>
      <c r="M256" s="76"/>
      <c r="N256" s="62"/>
      <c r="O256" s="63"/>
    </row>
    <row r="257" spans="2:15">
      <c r="B257" s="74"/>
      <c r="C257" s="40">
        <v>1300</v>
      </c>
      <c r="D257" s="67"/>
      <c r="E257" s="69"/>
      <c r="F257" s="69"/>
      <c r="G257" s="69"/>
      <c r="H257" s="69" t="s">
        <v>235</v>
      </c>
      <c r="I257" s="69"/>
      <c r="J257" s="69"/>
      <c r="K257" s="69"/>
      <c r="L257" s="75"/>
      <c r="M257" s="76"/>
      <c r="N257" s="62"/>
      <c r="O257" s="63"/>
    </row>
    <row r="258" spans="2:15">
      <c r="B258" s="74"/>
      <c r="C258" s="40">
        <v>1896</v>
      </c>
      <c r="D258" s="71"/>
      <c r="E258" s="72"/>
      <c r="F258" s="72"/>
      <c r="G258" s="72"/>
      <c r="H258" s="72" t="s">
        <v>236</v>
      </c>
      <c r="I258" s="72"/>
      <c r="J258" s="72"/>
      <c r="K258" s="72"/>
      <c r="L258" s="75"/>
      <c r="M258" s="76"/>
      <c r="N258" s="62"/>
      <c r="O258" s="63"/>
    </row>
    <row r="259" spans="2:15">
      <c r="B259" s="74"/>
      <c r="C259" s="40">
        <v>669</v>
      </c>
      <c r="D259" s="67"/>
      <c r="E259" s="69"/>
      <c r="F259" s="69"/>
      <c r="G259" s="69"/>
      <c r="H259" s="69" t="s">
        <v>131</v>
      </c>
      <c r="I259" s="52"/>
      <c r="J259" s="69"/>
      <c r="K259" s="69"/>
      <c r="L259" s="75"/>
      <c r="M259" s="76"/>
      <c r="N259" s="62"/>
      <c r="O259" s="63"/>
    </row>
    <row r="260" spans="2:15">
      <c r="B260" s="74"/>
      <c r="C260" s="40">
        <v>90650</v>
      </c>
      <c r="D260" s="67"/>
      <c r="E260" s="69"/>
      <c r="F260" s="69"/>
      <c r="G260" s="69"/>
      <c r="H260" s="69"/>
      <c r="I260" s="69" t="s">
        <v>132</v>
      </c>
      <c r="J260" s="69"/>
      <c r="K260" s="69"/>
      <c r="L260" s="75"/>
      <c r="M260" s="76"/>
      <c r="N260" s="62"/>
      <c r="O260" s="63"/>
    </row>
    <row r="261" spans="2:15">
      <c r="B261" s="74"/>
      <c r="C261" s="40">
        <v>90652</v>
      </c>
      <c r="D261" s="71"/>
      <c r="E261" s="72"/>
      <c r="F261" s="72"/>
      <c r="G261" s="72"/>
      <c r="H261" s="72"/>
      <c r="I261" s="72" t="s">
        <v>133</v>
      </c>
      <c r="J261" s="72"/>
      <c r="K261" s="72"/>
      <c r="L261" s="75"/>
      <c r="M261" s="76"/>
      <c r="N261" s="62"/>
      <c r="O261" s="63"/>
    </row>
    <row r="262" spans="2:15">
      <c r="B262" s="74"/>
      <c r="C262" s="40">
        <v>79022</v>
      </c>
      <c r="D262" s="67"/>
      <c r="E262" s="69"/>
      <c r="F262" s="69"/>
      <c r="G262" s="69"/>
      <c r="H262" s="69" t="s">
        <v>237</v>
      </c>
      <c r="I262" s="69"/>
      <c r="J262" s="69"/>
      <c r="K262" s="69"/>
      <c r="L262" s="75"/>
      <c r="M262" s="76"/>
      <c r="N262" s="62"/>
      <c r="O262" s="63"/>
    </row>
    <row r="263" spans="2:15">
      <c r="B263" s="74"/>
      <c r="C263" s="40">
        <v>91397</v>
      </c>
      <c r="D263" s="71"/>
      <c r="E263" s="72"/>
      <c r="F263" s="72"/>
      <c r="G263" s="72"/>
      <c r="H263" s="72" t="s">
        <v>238</v>
      </c>
      <c r="I263" s="72"/>
      <c r="J263" s="72"/>
      <c r="K263" s="72"/>
      <c r="L263" s="75"/>
      <c r="M263" s="76"/>
      <c r="N263" s="62"/>
      <c r="O263" s="63"/>
    </row>
    <row r="264" spans="2:15">
      <c r="B264" s="74"/>
      <c r="C264" s="40">
        <v>109007</v>
      </c>
      <c r="D264" s="67"/>
      <c r="E264" s="69"/>
      <c r="F264" s="69"/>
      <c r="G264" s="69"/>
      <c r="H264" s="69" t="s">
        <v>239</v>
      </c>
      <c r="I264" s="69"/>
      <c r="J264" s="69"/>
      <c r="K264" s="69"/>
      <c r="L264" s="75"/>
      <c r="M264" s="76"/>
      <c r="N264" s="62"/>
      <c r="O264" s="63"/>
    </row>
    <row r="265" spans="2:15">
      <c r="B265" s="74"/>
      <c r="C265" s="40">
        <v>138044</v>
      </c>
      <c r="D265" s="71"/>
      <c r="E265" s="72"/>
      <c r="F265" s="72"/>
      <c r="G265" s="72"/>
      <c r="H265" s="72" t="s">
        <v>240</v>
      </c>
      <c r="I265" s="52"/>
      <c r="J265" s="72"/>
      <c r="K265" s="72"/>
      <c r="L265" s="75"/>
      <c r="M265" s="76"/>
      <c r="N265" s="62"/>
      <c r="O265" s="63"/>
    </row>
    <row r="266" spans="2:15">
      <c r="B266" s="74"/>
      <c r="C266" s="40">
        <v>2886</v>
      </c>
      <c r="D266" s="71"/>
      <c r="E266" s="72"/>
      <c r="F266" s="72"/>
      <c r="G266" s="72"/>
      <c r="H266" s="72"/>
      <c r="I266" s="72" t="s">
        <v>241</v>
      </c>
      <c r="J266" s="72"/>
      <c r="K266" s="72"/>
      <c r="L266" s="75"/>
      <c r="M266" s="76"/>
      <c r="N266" s="62"/>
      <c r="O266" s="63"/>
    </row>
    <row r="267" spans="2:15">
      <c r="B267" s="74"/>
      <c r="C267" s="40">
        <v>138041</v>
      </c>
      <c r="D267" s="67"/>
      <c r="E267" s="69"/>
      <c r="F267" s="69"/>
      <c r="G267" s="69"/>
      <c r="H267" s="69"/>
      <c r="I267" s="69" t="s">
        <v>242</v>
      </c>
      <c r="J267" s="52"/>
      <c r="K267" s="52"/>
      <c r="L267" s="75"/>
      <c r="M267" s="76"/>
      <c r="N267" s="62"/>
      <c r="O267" s="63"/>
    </row>
    <row r="268" spans="2:15">
      <c r="B268" s="74"/>
      <c r="C268" s="40">
        <v>828</v>
      </c>
      <c r="D268" s="67"/>
      <c r="E268" s="69"/>
      <c r="F268" s="69"/>
      <c r="G268" s="69"/>
      <c r="H268" s="69"/>
      <c r="I268" s="69"/>
      <c r="J268" s="69" t="s">
        <v>55</v>
      </c>
      <c r="K268" s="52"/>
      <c r="L268" s="75"/>
      <c r="M268" s="76"/>
      <c r="N268" s="62"/>
      <c r="O268" s="63"/>
    </row>
    <row r="269" spans="2:15">
      <c r="B269" s="74"/>
      <c r="C269" s="40">
        <v>90653</v>
      </c>
      <c r="D269" s="67"/>
      <c r="E269" s="69"/>
      <c r="F269" s="69"/>
      <c r="G269" s="69"/>
      <c r="H269" s="69"/>
      <c r="I269" s="69"/>
      <c r="J269" s="69"/>
      <c r="K269" s="69" t="s">
        <v>56</v>
      </c>
      <c r="L269" s="75"/>
      <c r="M269" s="76"/>
      <c r="N269" s="62"/>
      <c r="O269" s="63"/>
    </row>
    <row r="270" spans="2:15">
      <c r="B270" s="74"/>
      <c r="C270" s="40">
        <v>90654</v>
      </c>
      <c r="D270" s="71"/>
      <c r="E270" s="72"/>
      <c r="F270" s="72"/>
      <c r="G270" s="72"/>
      <c r="H270" s="72"/>
      <c r="I270" s="72"/>
      <c r="J270" s="72"/>
      <c r="K270" s="72" t="s">
        <v>57</v>
      </c>
      <c r="L270" s="75"/>
      <c r="M270" s="76"/>
      <c r="N270" s="62"/>
      <c r="O270" s="63"/>
    </row>
    <row r="271" spans="2:15">
      <c r="B271" s="74"/>
      <c r="C271" s="40">
        <v>250984</v>
      </c>
      <c r="D271" s="67"/>
      <c r="E271" s="69"/>
      <c r="F271" s="69"/>
      <c r="G271" s="69"/>
      <c r="H271" s="69"/>
      <c r="I271" s="69"/>
      <c r="J271" s="69"/>
      <c r="K271" s="69" t="s">
        <v>58</v>
      </c>
      <c r="L271" s="75"/>
      <c r="M271" s="76"/>
      <c r="N271" s="62"/>
      <c r="O271" s="63"/>
    </row>
    <row r="272" spans="2:15">
      <c r="B272" s="74"/>
      <c r="C272" s="40">
        <v>485</v>
      </c>
      <c r="D272" s="71"/>
      <c r="E272" s="72"/>
      <c r="F272" s="72"/>
      <c r="G272" s="72"/>
      <c r="H272" s="72"/>
      <c r="I272" s="72"/>
      <c r="J272" s="72" t="s">
        <v>243</v>
      </c>
      <c r="K272" s="72"/>
      <c r="L272" s="75"/>
      <c r="M272" s="76"/>
      <c r="N272" s="62"/>
      <c r="O272" s="63"/>
    </row>
    <row r="273" spans="2:15">
      <c r="B273" s="74"/>
      <c r="C273" s="40">
        <v>166100</v>
      </c>
      <c r="D273" s="67"/>
      <c r="E273" s="69"/>
      <c r="F273" s="69"/>
      <c r="G273" s="69"/>
      <c r="H273" s="69"/>
      <c r="I273" s="69"/>
      <c r="J273" s="69" t="s">
        <v>172</v>
      </c>
      <c r="K273" s="69"/>
      <c r="L273" s="75"/>
      <c r="M273" s="76"/>
      <c r="N273" s="62"/>
      <c r="O273" s="63"/>
    </row>
    <row r="274" spans="2:15">
      <c r="B274" s="74"/>
      <c r="C274" s="40">
        <v>138047</v>
      </c>
      <c r="D274" s="71"/>
      <c r="E274" s="72"/>
      <c r="F274" s="72"/>
      <c r="G274" s="72"/>
      <c r="H274" s="72"/>
      <c r="I274" s="72" t="s">
        <v>244</v>
      </c>
      <c r="J274" s="52"/>
      <c r="K274" s="72"/>
      <c r="L274" s="75"/>
      <c r="M274" s="76"/>
      <c r="N274" s="62"/>
      <c r="O274" s="63"/>
    </row>
    <row r="275" spans="2:15">
      <c r="B275" s="74"/>
      <c r="C275" s="40">
        <v>567</v>
      </c>
      <c r="D275" s="71"/>
      <c r="E275" s="72"/>
      <c r="F275" s="72"/>
      <c r="G275" s="72"/>
      <c r="H275" s="72"/>
      <c r="I275" s="72"/>
      <c r="J275" s="72" t="s">
        <v>25</v>
      </c>
      <c r="K275" s="72"/>
      <c r="L275" s="75"/>
      <c r="M275" s="76"/>
      <c r="N275" s="62"/>
      <c r="O275" s="63"/>
    </row>
    <row r="276" spans="2:15">
      <c r="B276" s="74"/>
      <c r="C276" s="40">
        <v>138050</v>
      </c>
      <c r="D276" s="67"/>
      <c r="E276" s="69"/>
      <c r="F276" s="69"/>
      <c r="G276" s="69"/>
      <c r="H276" s="69"/>
      <c r="I276" s="69" t="s">
        <v>245</v>
      </c>
      <c r="J276" s="52"/>
      <c r="K276" s="69"/>
      <c r="L276" s="75"/>
      <c r="M276" s="76"/>
      <c r="N276" s="62"/>
      <c r="O276" s="63"/>
    </row>
    <row r="277" spans="2:15">
      <c r="B277" s="74"/>
      <c r="C277" s="40">
        <v>861</v>
      </c>
      <c r="D277" s="67"/>
      <c r="E277" s="69"/>
      <c r="F277" s="69"/>
      <c r="G277" s="69"/>
      <c r="H277" s="69"/>
      <c r="I277" s="69"/>
      <c r="J277" s="69" t="s">
        <v>29</v>
      </c>
      <c r="K277" s="69"/>
      <c r="L277" s="75"/>
      <c r="M277" s="76"/>
      <c r="N277" s="62"/>
      <c r="O277" s="63"/>
    </row>
    <row r="278" spans="2:15">
      <c r="B278" s="74"/>
      <c r="C278" s="40">
        <v>245</v>
      </c>
      <c r="D278" s="71"/>
      <c r="E278" s="72"/>
      <c r="F278" s="72"/>
      <c r="G278" s="72"/>
      <c r="H278" s="72"/>
      <c r="I278" s="72"/>
      <c r="J278" s="72" t="s">
        <v>212</v>
      </c>
      <c r="K278" s="72"/>
      <c r="L278" s="75"/>
      <c r="M278" s="76"/>
      <c r="N278" s="62"/>
      <c r="O278" s="63"/>
    </row>
    <row r="279" spans="2:15">
      <c r="B279" s="74"/>
      <c r="C279" s="40">
        <v>374</v>
      </c>
      <c r="D279" s="67"/>
      <c r="E279" s="69"/>
      <c r="F279" s="69"/>
      <c r="G279" s="69"/>
      <c r="H279" s="69"/>
      <c r="I279" s="69"/>
      <c r="J279" s="69" t="s">
        <v>207</v>
      </c>
      <c r="K279" s="69"/>
      <c r="L279" s="75"/>
      <c r="M279" s="76"/>
      <c r="N279" s="62"/>
      <c r="O279" s="63"/>
    </row>
    <row r="280" spans="2:15">
      <c r="B280" s="74"/>
      <c r="C280" s="40">
        <v>138055</v>
      </c>
      <c r="D280" s="71"/>
      <c r="E280" s="72"/>
      <c r="F280" s="72"/>
      <c r="G280" s="72"/>
      <c r="H280" s="72"/>
      <c r="I280" s="72" t="s">
        <v>246</v>
      </c>
      <c r="J280" s="52"/>
      <c r="K280" s="72"/>
      <c r="L280" s="75"/>
      <c r="M280" s="76"/>
      <c r="N280" s="62"/>
      <c r="O280" s="63"/>
    </row>
    <row r="281" spans="2:15">
      <c r="B281" s="74"/>
      <c r="C281" s="40">
        <v>87</v>
      </c>
      <c r="D281" s="71"/>
      <c r="E281" s="72"/>
      <c r="F281" s="72"/>
      <c r="G281" s="72"/>
      <c r="H281" s="72"/>
      <c r="I281" s="72"/>
      <c r="J281" s="72" t="s">
        <v>247</v>
      </c>
      <c r="K281" s="72"/>
      <c r="L281" s="75"/>
      <c r="M281" s="76"/>
      <c r="N281" s="62"/>
      <c r="O281" s="63"/>
    </row>
    <row r="282" spans="2:15">
      <c r="B282" s="74"/>
      <c r="C282" s="40">
        <v>1190</v>
      </c>
      <c r="D282" s="67"/>
      <c r="E282" s="69"/>
      <c r="F282" s="69"/>
      <c r="G282" s="69"/>
      <c r="H282" s="69"/>
      <c r="I282" s="69"/>
      <c r="J282" s="69" t="s">
        <v>248</v>
      </c>
      <c r="K282" s="69"/>
      <c r="L282" s="75"/>
      <c r="M282" s="76"/>
      <c r="N282" s="62"/>
      <c r="O282" s="63"/>
    </row>
    <row r="283" spans="2:15">
      <c r="B283" s="74"/>
      <c r="C283" s="40">
        <v>56304</v>
      </c>
      <c r="D283" s="71"/>
      <c r="E283" s="72"/>
      <c r="F283" s="72"/>
      <c r="G283" s="72"/>
      <c r="H283" s="72"/>
      <c r="I283" s="72"/>
      <c r="J283" s="72" t="s">
        <v>249</v>
      </c>
      <c r="K283" s="72"/>
      <c r="L283" s="75"/>
      <c r="M283" s="76"/>
      <c r="N283" s="62"/>
      <c r="O283" s="63"/>
    </row>
    <row r="284" spans="2:15">
      <c r="B284" s="74"/>
      <c r="C284" s="40">
        <v>56305</v>
      </c>
      <c r="D284" s="67"/>
      <c r="E284" s="69"/>
      <c r="F284" s="69"/>
      <c r="G284" s="69"/>
      <c r="H284" s="69"/>
      <c r="I284" s="69"/>
      <c r="J284" s="69" t="s">
        <v>250</v>
      </c>
      <c r="K284" s="69"/>
      <c r="L284" s="75"/>
      <c r="M284" s="76"/>
      <c r="N284" s="62"/>
      <c r="O284" s="63"/>
    </row>
    <row r="285" spans="2:15">
      <c r="B285" s="74"/>
      <c r="C285" s="40">
        <v>138059</v>
      </c>
      <c r="D285" s="71"/>
      <c r="E285" s="72"/>
      <c r="F285" s="72"/>
      <c r="G285" s="72"/>
      <c r="H285" s="72"/>
      <c r="I285" s="72" t="s">
        <v>251</v>
      </c>
      <c r="J285" s="52"/>
      <c r="K285" s="72"/>
      <c r="L285" s="75"/>
      <c r="M285" s="76"/>
      <c r="N285" s="62"/>
      <c r="O285" s="63"/>
    </row>
    <row r="286" spans="2:15">
      <c r="B286" s="74"/>
      <c r="C286" s="40">
        <v>1915</v>
      </c>
      <c r="D286" s="71"/>
      <c r="E286" s="72"/>
      <c r="F286" s="72"/>
      <c r="G286" s="72"/>
      <c r="H286" s="72"/>
      <c r="I286" s="72"/>
      <c r="J286" s="72" t="s">
        <v>252</v>
      </c>
      <c r="K286" s="72"/>
      <c r="L286" s="75"/>
      <c r="M286" s="76"/>
      <c r="N286" s="62"/>
      <c r="O286" s="63"/>
    </row>
    <row r="287" spans="2:15">
      <c r="B287" s="74"/>
      <c r="C287" s="40">
        <v>295</v>
      </c>
      <c r="D287" s="67"/>
      <c r="E287" s="69"/>
      <c r="F287" s="69"/>
      <c r="G287" s="69"/>
      <c r="H287" s="69"/>
      <c r="I287" s="69"/>
      <c r="J287" s="69" t="s">
        <v>253</v>
      </c>
      <c r="K287" s="69"/>
      <c r="L287" s="75"/>
      <c r="M287" s="76"/>
      <c r="N287" s="62"/>
      <c r="O287" s="63"/>
    </row>
    <row r="288" spans="2:15">
      <c r="B288" s="74"/>
      <c r="C288" s="40">
        <v>1906</v>
      </c>
      <c r="D288" s="71"/>
      <c r="E288" s="72"/>
      <c r="F288" s="72"/>
      <c r="G288" s="72"/>
      <c r="H288" s="72"/>
      <c r="I288" s="72"/>
      <c r="J288" s="72" t="s">
        <v>254</v>
      </c>
      <c r="K288" s="72"/>
      <c r="L288" s="75"/>
      <c r="M288" s="76"/>
      <c r="N288" s="62"/>
      <c r="O288" s="63"/>
    </row>
    <row r="289" spans="2:15">
      <c r="B289" s="74"/>
      <c r="C289" s="40">
        <v>1908</v>
      </c>
      <c r="D289" s="67"/>
      <c r="E289" s="69"/>
      <c r="F289" s="69"/>
      <c r="G289" s="69"/>
      <c r="H289" s="69"/>
      <c r="I289" s="69"/>
      <c r="J289" s="69" t="s">
        <v>255</v>
      </c>
      <c r="K289" s="69"/>
      <c r="L289" s="75"/>
      <c r="M289" s="76"/>
      <c r="N289" s="62"/>
      <c r="O289" s="63"/>
    </row>
    <row r="290" spans="2:15">
      <c r="B290" s="74"/>
      <c r="C290" s="40">
        <v>1909</v>
      </c>
      <c r="D290" s="71"/>
      <c r="E290" s="72"/>
      <c r="F290" s="72"/>
      <c r="G290" s="72"/>
      <c r="H290" s="72"/>
      <c r="I290" s="72"/>
      <c r="J290" s="72" t="s">
        <v>256</v>
      </c>
      <c r="K290" s="72"/>
      <c r="L290" s="75"/>
      <c r="M290" s="76"/>
      <c r="N290" s="62"/>
      <c r="O290" s="63"/>
    </row>
    <row r="291" spans="2:15">
      <c r="B291" s="74"/>
      <c r="C291" s="40">
        <v>1910</v>
      </c>
      <c r="D291" s="67"/>
      <c r="E291" s="69"/>
      <c r="F291" s="69"/>
      <c r="G291" s="69"/>
      <c r="H291" s="69"/>
      <c r="I291" s="69"/>
      <c r="J291" s="69" t="s">
        <v>257</v>
      </c>
      <c r="K291" s="69"/>
      <c r="L291" s="75"/>
      <c r="M291" s="76"/>
      <c r="N291" s="62"/>
      <c r="O291" s="63"/>
    </row>
    <row r="292" spans="2:15">
      <c r="B292" s="74"/>
      <c r="C292" s="40">
        <v>1911</v>
      </c>
      <c r="D292" s="71"/>
      <c r="E292" s="72"/>
      <c r="F292" s="72"/>
      <c r="G292" s="72"/>
      <c r="H292" s="72"/>
      <c r="I292" s="72"/>
      <c r="J292" s="72" t="s">
        <v>258</v>
      </c>
      <c r="K292" s="72"/>
      <c r="L292" s="75"/>
      <c r="M292" s="76"/>
      <c r="N292" s="62"/>
      <c r="O292" s="63"/>
    </row>
    <row r="293" spans="2:15">
      <c r="B293" s="74"/>
      <c r="C293" s="40">
        <v>1918</v>
      </c>
      <c r="D293" s="67"/>
      <c r="E293" s="69"/>
      <c r="F293" s="69"/>
      <c r="G293" s="69"/>
      <c r="H293" s="69"/>
      <c r="I293" s="69"/>
      <c r="J293" s="69" t="s">
        <v>259</v>
      </c>
      <c r="K293" s="69"/>
      <c r="L293" s="75"/>
      <c r="M293" s="76"/>
      <c r="N293" s="62"/>
      <c r="O293" s="63"/>
    </row>
    <row r="294" spans="2:15">
      <c r="B294" s="74"/>
      <c r="C294" s="40">
        <v>1912</v>
      </c>
      <c r="D294" s="71"/>
      <c r="E294" s="72"/>
      <c r="F294" s="72"/>
      <c r="G294" s="72"/>
      <c r="H294" s="72"/>
      <c r="I294" s="72"/>
      <c r="J294" s="72" t="s">
        <v>260</v>
      </c>
      <c r="K294" s="72"/>
      <c r="L294" s="75"/>
      <c r="M294" s="76"/>
      <c r="N294" s="62"/>
      <c r="O294" s="63"/>
    </row>
    <row r="295" spans="2:15">
      <c r="B295" s="74"/>
      <c r="C295" s="40">
        <v>1913</v>
      </c>
      <c r="D295" s="67"/>
      <c r="E295" s="69"/>
      <c r="F295" s="69"/>
      <c r="G295" s="69"/>
      <c r="H295" s="69"/>
      <c r="I295" s="69"/>
      <c r="J295" s="69" t="s">
        <v>261</v>
      </c>
      <c r="K295" s="69"/>
      <c r="L295" s="75"/>
      <c r="M295" s="76"/>
      <c r="N295" s="62"/>
      <c r="O295" s="63"/>
    </row>
    <row r="296" spans="2:15">
      <c r="B296" s="74"/>
      <c r="C296" s="40">
        <v>1914</v>
      </c>
      <c r="D296" s="71"/>
      <c r="E296" s="72"/>
      <c r="F296" s="72"/>
      <c r="G296" s="72"/>
      <c r="H296" s="72"/>
      <c r="I296" s="72"/>
      <c r="J296" s="72" t="s">
        <v>262</v>
      </c>
      <c r="K296" s="72"/>
      <c r="L296" s="75"/>
      <c r="M296" s="76"/>
      <c r="N296" s="62"/>
      <c r="O296" s="63"/>
    </row>
    <row r="297" spans="2:15">
      <c r="B297" s="74"/>
      <c r="C297" s="40">
        <v>1917</v>
      </c>
      <c r="D297" s="67"/>
      <c r="E297" s="69"/>
      <c r="F297" s="69"/>
      <c r="G297" s="69"/>
      <c r="H297" s="69"/>
      <c r="I297" s="69"/>
      <c r="J297" s="69" t="s">
        <v>263</v>
      </c>
      <c r="K297" s="69"/>
      <c r="L297" s="75"/>
      <c r="M297" s="76"/>
      <c r="N297" s="62"/>
      <c r="O297" s="63"/>
    </row>
    <row r="298" spans="2:15">
      <c r="B298" s="74"/>
      <c r="C298" s="40">
        <v>1919</v>
      </c>
      <c r="D298" s="71"/>
      <c r="E298" s="72"/>
      <c r="F298" s="72"/>
      <c r="G298" s="72"/>
      <c r="H298" s="72"/>
      <c r="I298" s="72"/>
      <c r="J298" s="72" t="s">
        <v>264</v>
      </c>
      <c r="K298" s="72"/>
      <c r="L298" s="75"/>
      <c r="M298" s="76"/>
      <c r="N298" s="62"/>
      <c r="O298" s="63"/>
    </row>
    <row r="299" spans="2:15">
      <c r="B299" s="74"/>
      <c r="C299" s="40">
        <v>1920</v>
      </c>
      <c r="D299" s="67"/>
      <c r="E299" s="69"/>
      <c r="F299" s="69"/>
      <c r="G299" s="69"/>
      <c r="H299" s="69"/>
      <c r="I299" s="69"/>
      <c r="J299" s="69" t="s">
        <v>265</v>
      </c>
      <c r="K299" s="69"/>
      <c r="L299" s="75"/>
      <c r="M299" s="76"/>
      <c r="N299" s="62"/>
      <c r="O299" s="63"/>
    </row>
    <row r="300" spans="2:15">
      <c r="B300" s="74"/>
      <c r="C300" s="40">
        <v>1923</v>
      </c>
      <c r="D300" s="71"/>
      <c r="E300" s="72"/>
      <c r="F300" s="72"/>
      <c r="G300" s="72"/>
      <c r="H300" s="72"/>
      <c r="I300" s="72"/>
      <c r="J300" s="72" t="s">
        <v>266</v>
      </c>
      <c r="K300" s="72"/>
      <c r="L300" s="75"/>
      <c r="M300" s="76"/>
      <c r="N300" s="62"/>
      <c r="O300" s="63"/>
    </row>
    <row r="301" spans="2:15">
      <c r="B301" s="74"/>
      <c r="C301" s="40">
        <v>1926</v>
      </c>
      <c r="D301" s="67"/>
      <c r="E301" s="69"/>
      <c r="F301" s="69"/>
      <c r="G301" s="69"/>
      <c r="H301" s="69"/>
      <c r="I301" s="69"/>
      <c r="J301" s="69" t="s">
        <v>267</v>
      </c>
      <c r="K301" s="69"/>
      <c r="L301" s="75"/>
      <c r="M301" s="76"/>
      <c r="N301" s="62"/>
      <c r="O301" s="63"/>
    </row>
    <row r="302" spans="2:15">
      <c r="B302" s="74"/>
      <c r="C302" s="40">
        <v>2209</v>
      </c>
      <c r="D302" s="71"/>
      <c r="E302" s="72"/>
      <c r="F302" s="72"/>
      <c r="G302" s="72"/>
      <c r="H302" s="72"/>
      <c r="I302" s="72"/>
      <c r="J302" s="72" t="s">
        <v>268</v>
      </c>
      <c r="K302" s="72"/>
      <c r="L302" s="75"/>
      <c r="M302" s="76"/>
      <c r="N302" s="62"/>
      <c r="O302" s="63"/>
    </row>
    <row r="303" spans="2:15">
      <c r="B303" s="74"/>
      <c r="C303" s="40">
        <v>2216</v>
      </c>
      <c r="D303" s="67"/>
      <c r="E303" s="69"/>
      <c r="F303" s="69"/>
      <c r="G303" s="69"/>
      <c r="H303" s="69"/>
      <c r="I303" s="69"/>
      <c r="J303" s="69" t="s">
        <v>269</v>
      </c>
      <c r="K303" s="69"/>
      <c r="L303" s="75"/>
      <c r="M303" s="76"/>
      <c r="N303" s="62"/>
      <c r="O303" s="63"/>
    </row>
    <row r="304" spans="2:15">
      <c r="B304" s="74"/>
      <c r="C304" s="40">
        <v>2305</v>
      </c>
      <c r="D304" s="71"/>
      <c r="E304" s="72"/>
      <c r="F304" s="72"/>
      <c r="G304" s="72"/>
      <c r="H304" s="72"/>
      <c r="I304" s="72"/>
      <c r="J304" s="72" t="s">
        <v>270</v>
      </c>
      <c r="K304" s="72"/>
      <c r="L304" s="75"/>
      <c r="M304" s="76"/>
      <c r="N304" s="62"/>
      <c r="O304" s="63"/>
    </row>
    <row r="305" spans="2:15">
      <c r="B305" s="74"/>
      <c r="C305" s="40">
        <v>138063</v>
      </c>
      <c r="D305" s="67"/>
      <c r="E305" s="69"/>
      <c r="F305" s="69"/>
      <c r="G305" s="69"/>
      <c r="H305" s="69"/>
      <c r="I305" s="69" t="s">
        <v>271</v>
      </c>
      <c r="J305" s="52"/>
      <c r="K305" s="69"/>
      <c r="L305" s="75"/>
      <c r="M305" s="76"/>
      <c r="N305" s="62"/>
      <c r="O305" s="63"/>
    </row>
    <row r="306" spans="2:15">
      <c r="B306" s="74"/>
      <c r="C306" s="40">
        <v>908</v>
      </c>
      <c r="D306" s="67"/>
      <c r="E306" s="69"/>
      <c r="F306" s="69"/>
      <c r="G306" s="69"/>
      <c r="H306" s="69"/>
      <c r="I306" s="69"/>
      <c r="J306" s="69" t="s">
        <v>272</v>
      </c>
      <c r="K306" s="69"/>
      <c r="L306" s="75"/>
      <c r="M306" s="76"/>
      <c r="N306" s="62"/>
      <c r="O306" s="63"/>
    </row>
    <row r="307" spans="2:15">
      <c r="B307" s="74"/>
      <c r="C307" s="40">
        <v>636</v>
      </c>
      <c r="D307" s="71"/>
      <c r="E307" s="72"/>
      <c r="F307" s="72"/>
      <c r="G307" s="72"/>
      <c r="H307" s="72"/>
      <c r="I307" s="72"/>
      <c r="J307" s="72" t="s">
        <v>273</v>
      </c>
      <c r="K307" s="52"/>
      <c r="L307" s="75"/>
      <c r="M307" s="76"/>
      <c r="N307" s="62"/>
      <c r="O307" s="63"/>
    </row>
    <row r="308" spans="2:15">
      <c r="B308" s="74"/>
      <c r="C308" s="40">
        <v>79428</v>
      </c>
      <c r="D308" s="71"/>
      <c r="E308" s="72"/>
      <c r="F308" s="72"/>
      <c r="G308" s="72"/>
      <c r="H308" s="72"/>
      <c r="I308" s="72"/>
      <c r="J308" s="72"/>
      <c r="K308" s="72" t="s">
        <v>274</v>
      </c>
      <c r="L308" s="75"/>
      <c r="M308" s="76"/>
      <c r="N308" s="62"/>
      <c r="O308" s="63"/>
    </row>
    <row r="309" spans="2:15">
      <c r="B309" s="74"/>
      <c r="C309" s="40">
        <v>79429</v>
      </c>
      <c r="D309" s="67"/>
      <c r="E309" s="69"/>
      <c r="F309" s="69"/>
      <c r="G309" s="69"/>
      <c r="H309" s="69"/>
      <c r="I309" s="69"/>
      <c r="J309" s="69"/>
      <c r="K309" s="69" t="s">
        <v>275</v>
      </c>
      <c r="L309" s="75"/>
      <c r="M309" s="76"/>
      <c r="N309" s="62"/>
      <c r="O309" s="63"/>
    </row>
    <row r="310" spans="2:15">
      <c r="B310" s="74"/>
      <c r="C310" s="40">
        <v>97685</v>
      </c>
      <c r="D310" s="71"/>
      <c r="E310" s="72"/>
      <c r="F310" s="72"/>
      <c r="G310" s="72"/>
      <c r="H310" s="72"/>
      <c r="I310" s="72"/>
      <c r="J310" s="72"/>
      <c r="K310" s="72" t="s">
        <v>276</v>
      </c>
      <c r="L310" s="75"/>
      <c r="M310" s="76"/>
      <c r="N310" s="62"/>
      <c r="O310" s="63"/>
    </row>
    <row r="311" spans="2:15">
      <c r="B311" s="74"/>
      <c r="C311" s="40">
        <v>199</v>
      </c>
      <c r="D311" s="67"/>
      <c r="E311" s="69"/>
      <c r="F311" s="69"/>
      <c r="G311" s="69"/>
      <c r="H311" s="69"/>
      <c r="I311" s="69"/>
      <c r="J311" s="69" t="s">
        <v>277</v>
      </c>
      <c r="K311" s="69"/>
      <c r="L311" s="75"/>
      <c r="M311" s="76"/>
      <c r="N311" s="62"/>
      <c r="O311" s="63"/>
    </row>
    <row r="312" spans="2:15">
      <c r="B312" s="74"/>
      <c r="C312" s="40">
        <v>819</v>
      </c>
      <c r="D312" s="71"/>
      <c r="E312" s="72"/>
      <c r="F312" s="72"/>
      <c r="G312" s="72"/>
      <c r="H312" s="72"/>
      <c r="I312" s="72"/>
      <c r="J312" s="72" t="s">
        <v>278</v>
      </c>
      <c r="K312" s="72"/>
      <c r="L312" s="75"/>
      <c r="M312" s="76"/>
      <c r="N312" s="62"/>
      <c r="O312" s="63"/>
    </row>
    <row r="313" spans="2:15">
      <c r="B313" s="74"/>
      <c r="C313" s="40">
        <v>3440</v>
      </c>
      <c r="D313" s="67"/>
      <c r="E313" s="69"/>
      <c r="F313" s="69"/>
      <c r="G313" s="69"/>
      <c r="H313" s="69"/>
      <c r="I313" s="69"/>
      <c r="J313" s="69" t="s">
        <v>51</v>
      </c>
      <c r="K313" s="52"/>
      <c r="L313" s="75"/>
      <c r="M313" s="76"/>
      <c r="N313" s="62"/>
      <c r="O313" s="63"/>
    </row>
    <row r="314" spans="2:15">
      <c r="B314" s="74"/>
      <c r="C314" s="40">
        <v>894</v>
      </c>
      <c r="D314" s="67"/>
      <c r="E314" s="69"/>
      <c r="F314" s="69"/>
      <c r="G314" s="69"/>
      <c r="H314" s="69"/>
      <c r="I314" s="69"/>
      <c r="J314" s="69"/>
      <c r="K314" s="69" t="s">
        <v>52</v>
      </c>
      <c r="L314" s="75"/>
      <c r="M314" s="76"/>
      <c r="N314" s="62"/>
      <c r="O314" s="63"/>
    </row>
    <row r="315" spans="2:15">
      <c r="B315" s="74"/>
      <c r="C315" s="40">
        <v>895</v>
      </c>
      <c r="D315" s="71"/>
      <c r="E315" s="72"/>
      <c r="F315" s="72"/>
      <c r="G315" s="72"/>
      <c r="H315" s="72"/>
      <c r="I315" s="72"/>
      <c r="J315" s="72"/>
      <c r="K315" s="72" t="s">
        <v>53</v>
      </c>
      <c r="L315" s="75"/>
      <c r="M315" s="76"/>
      <c r="N315" s="62"/>
      <c r="O315" s="63"/>
    </row>
    <row r="316" spans="2:15">
      <c r="B316" s="74"/>
      <c r="C316" s="40">
        <v>896</v>
      </c>
      <c r="D316" s="67"/>
      <c r="E316" s="69"/>
      <c r="F316" s="69"/>
      <c r="G316" s="69"/>
      <c r="H316" s="69"/>
      <c r="I316" s="69"/>
      <c r="J316" s="69"/>
      <c r="K316" s="69" t="s">
        <v>54</v>
      </c>
      <c r="L316" s="75"/>
      <c r="M316" s="76"/>
      <c r="N316" s="62"/>
      <c r="O316" s="63"/>
    </row>
    <row r="317" spans="2:15">
      <c r="B317" s="74"/>
      <c r="C317" s="40">
        <v>2322</v>
      </c>
      <c r="D317" s="71"/>
      <c r="E317" s="72"/>
      <c r="F317" s="72"/>
      <c r="G317" s="72"/>
      <c r="H317" s="72"/>
      <c r="I317" s="72"/>
      <c r="J317" s="72" t="s">
        <v>279</v>
      </c>
      <c r="K317" s="72"/>
      <c r="L317" s="75"/>
      <c r="M317" s="76"/>
      <c r="N317" s="62"/>
      <c r="O317" s="63"/>
    </row>
    <row r="318" spans="2:15">
      <c r="B318" s="74"/>
      <c r="C318" s="40">
        <v>818</v>
      </c>
      <c r="D318" s="67"/>
      <c r="E318" s="69"/>
      <c r="F318" s="69"/>
      <c r="G318" s="69"/>
      <c r="H318" s="69"/>
      <c r="I318" s="69"/>
      <c r="J318" s="69" t="s">
        <v>280</v>
      </c>
      <c r="K318" s="69"/>
      <c r="L318" s="75"/>
      <c r="M318" s="76"/>
      <c r="N318" s="62"/>
      <c r="O318" s="63"/>
    </row>
    <row r="319" spans="2:15">
      <c r="B319" s="74"/>
      <c r="C319" s="40">
        <v>140997</v>
      </c>
      <c r="D319" s="71"/>
      <c r="E319" s="72"/>
      <c r="F319" s="72"/>
      <c r="G319" s="72"/>
      <c r="H319" s="72" t="s">
        <v>281</v>
      </c>
      <c r="I319" s="52"/>
      <c r="J319" s="72"/>
      <c r="K319" s="72"/>
      <c r="L319" s="75"/>
      <c r="M319" s="76"/>
      <c r="N319" s="62"/>
      <c r="O319" s="63"/>
    </row>
    <row r="320" spans="2:15">
      <c r="B320" s="74"/>
      <c r="C320" s="40">
        <v>2750</v>
      </c>
      <c r="D320" s="71"/>
      <c r="E320" s="72"/>
      <c r="F320" s="72"/>
      <c r="G320" s="72"/>
      <c r="H320" s="72"/>
      <c r="I320" s="72" t="s">
        <v>94</v>
      </c>
      <c r="J320" s="72"/>
      <c r="K320" s="72"/>
      <c r="L320" s="75"/>
      <c r="M320" s="76"/>
      <c r="N320" s="62"/>
      <c r="O320" s="63"/>
    </row>
    <row r="321" spans="2:15">
      <c r="B321" s="74"/>
      <c r="C321" s="40">
        <v>2751</v>
      </c>
      <c r="D321" s="67"/>
      <c r="E321" s="69"/>
      <c r="F321" s="69"/>
      <c r="G321" s="69"/>
      <c r="H321" s="69"/>
      <c r="I321" s="69" t="s">
        <v>95</v>
      </c>
      <c r="J321" s="69"/>
      <c r="K321" s="69"/>
      <c r="L321" s="75"/>
      <c r="M321" s="76"/>
      <c r="N321" s="62"/>
      <c r="O321" s="63"/>
    </row>
    <row r="322" spans="2:15">
      <c r="B322" s="74"/>
      <c r="C322" s="40">
        <v>2752</v>
      </c>
      <c r="D322" s="71"/>
      <c r="E322" s="72"/>
      <c r="F322" s="72"/>
      <c r="G322" s="72"/>
      <c r="H322" s="72"/>
      <c r="I322" s="72" t="s">
        <v>96</v>
      </c>
      <c r="J322" s="72"/>
      <c r="K322" s="72"/>
      <c r="L322" s="75"/>
      <c r="M322" s="76"/>
      <c r="N322" s="62"/>
      <c r="O322" s="63"/>
    </row>
    <row r="323" spans="2:15">
      <c r="B323" s="74"/>
      <c r="C323" s="40">
        <v>2753</v>
      </c>
      <c r="D323" s="67"/>
      <c r="E323" s="69"/>
      <c r="F323" s="69"/>
      <c r="G323" s="69"/>
      <c r="H323" s="69"/>
      <c r="I323" s="69" t="s">
        <v>97</v>
      </c>
      <c r="J323" s="69"/>
      <c r="K323" s="69"/>
      <c r="L323" s="75"/>
      <c r="M323" s="76"/>
      <c r="N323" s="62"/>
      <c r="O323" s="63"/>
    </row>
    <row r="324" spans="2:15">
      <c r="B324" s="74"/>
      <c r="C324" s="40">
        <v>2754</v>
      </c>
      <c r="D324" s="71"/>
      <c r="E324" s="72"/>
      <c r="F324" s="72"/>
      <c r="G324" s="72"/>
      <c r="H324" s="72"/>
      <c r="I324" s="72" t="s">
        <v>98</v>
      </c>
      <c r="J324" s="72"/>
      <c r="K324" s="72"/>
      <c r="L324" s="75"/>
      <c r="M324" s="76"/>
      <c r="N324" s="62"/>
      <c r="O324" s="63"/>
    </row>
    <row r="325" spans="2:15">
      <c r="B325" s="74"/>
      <c r="C325" s="40">
        <v>2755</v>
      </c>
      <c r="D325" s="67"/>
      <c r="E325" s="69"/>
      <c r="F325" s="69"/>
      <c r="G325" s="69"/>
      <c r="H325" s="69"/>
      <c r="I325" s="69" t="s">
        <v>282</v>
      </c>
      <c r="J325" s="69"/>
      <c r="K325" s="69"/>
      <c r="L325" s="75"/>
      <c r="M325" s="76"/>
      <c r="N325" s="62"/>
      <c r="O325" s="63"/>
    </row>
    <row r="326" spans="2:15">
      <c r="B326" s="74"/>
      <c r="C326" s="40">
        <v>2919</v>
      </c>
      <c r="D326" s="71"/>
      <c r="E326" s="72"/>
      <c r="F326" s="72"/>
      <c r="G326" s="72"/>
      <c r="H326" s="72"/>
      <c r="I326" s="72" t="s">
        <v>283</v>
      </c>
      <c r="J326" s="72"/>
      <c r="K326" s="72"/>
      <c r="L326" s="75"/>
      <c r="M326" s="76"/>
      <c r="N326" s="62"/>
      <c r="O326" s="63"/>
    </row>
    <row r="327" spans="2:15">
      <c r="B327" s="74"/>
      <c r="C327" s="40">
        <v>2756</v>
      </c>
      <c r="D327" s="67"/>
      <c r="E327" s="69"/>
      <c r="F327" s="69"/>
      <c r="G327" s="69"/>
      <c r="H327" s="69"/>
      <c r="I327" s="69" t="s">
        <v>284</v>
      </c>
      <c r="J327" s="69"/>
      <c r="K327" s="69"/>
      <c r="L327" s="75"/>
      <c r="M327" s="76"/>
      <c r="N327" s="62"/>
      <c r="O327" s="63"/>
    </row>
    <row r="328" spans="2:15">
      <c r="B328" s="74"/>
      <c r="C328" s="40">
        <v>90649</v>
      </c>
      <c r="D328" s="71"/>
      <c r="E328" s="72"/>
      <c r="F328" s="72"/>
      <c r="G328" s="72"/>
      <c r="H328" s="72"/>
      <c r="I328" s="72" t="s">
        <v>285</v>
      </c>
      <c r="J328" s="72"/>
      <c r="K328" s="72"/>
      <c r="L328" s="75"/>
      <c r="M328" s="76"/>
      <c r="N328" s="62"/>
      <c r="O328" s="63"/>
    </row>
    <row r="329" spans="2:15">
      <c r="B329" s="74"/>
      <c r="C329" s="40">
        <v>141000</v>
      </c>
      <c r="D329" s="67"/>
      <c r="E329" s="69"/>
      <c r="F329" s="69"/>
      <c r="G329" s="69"/>
      <c r="H329" s="69"/>
      <c r="I329" s="69" t="s">
        <v>286</v>
      </c>
      <c r="J329" s="69"/>
      <c r="K329" s="69"/>
      <c r="L329" s="75"/>
      <c r="M329" s="76"/>
      <c r="N329" s="62"/>
      <c r="O329" s="63"/>
    </row>
    <row r="330" spans="2:15">
      <c r="B330" s="74"/>
      <c r="C330" s="40">
        <v>141007</v>
      </c>
      <c r="D330" s="71"/>
      <c r="E330" s="72"/>
      <c r="F330" s="72"/>
      <c r="G330" s="72"/>
      <c r="H330" s="72"/>
      <c r="I330" s="72" t="s">
        <v>287</v>
      </c>
      <c r="J330" s="72"/>
      <c r="K330" s="72"/>
      <c r="L330" s="75"/>
      <c r="M330" s="76"/>
      <c r="N330" s="62"/>
      <c r="O330" s="63"/>
    </row>
    <row r="331" spans="2:15">
      <c r="B331" s="74"/>
      <c r="C331" s="40">
        <v>141327</v>
      </c>
      <c r="D331" s="67"/>
      <c r="E331" s="69"/>
      <c r="F331" s="69"/>
      <c r="G331" s="69"/>
      <c r="H331" s="69"/>
      <c r="I331" s="69" t="s">
        <v>288</v>
      </c>
      <c r="J331" s="69"/>
      <c r="K331" s="69"/>
      <c r="L331" s="75"/>
      <c r="M331" s="76"/>
      <c r="N331" s="62"/>
      <c r="O331" s="63"/>
    </row>
    <row r="332" spans="2:15">
      <c r="B332" s="74"/>
      <c r="C332" s="40">
        <v>141330</v>
      </c>
      <c r="D332" s="71"/>
      <c r="E332" s="72"/>
      <c r="F332" s="72"/>
      <c r="G332" s="72"/>
      <c r="H332" s="72"/>
      <c r="I332" s="72" t="s">
        <v>289</v>
      </c>
      <c r="J332" s="72"/>
      <c r="K332" s="72"/>
      <c r="L332" s="75"/>
      <c r="M332" s="76"/>
      <c r="N332" s="62"/>
      <c r="O332" s="63"/>
    </row>
    <row r="333" spans="2:15">
      <c r="B333" s="74"/>
      <c r="C333" s="40">
        <v>141214</v>
      </c>
      <c r="D333" s="67"/>
      <c r="E333" s="69"/>
      <c r="F333" s="69"/>
      <c r="G333" s="69"/>
      <c r="H333" s="69" t="s">
        <v>290</v>
      </c>
      <c r="I333" s="69"/>
      <c r="J333" s="69"/>
      <c r="K333" s="69"/>
      <c r="L333" s="75"/>
      <c r="M333" s="76"/>
      <c r="N333" s="62"/>
      <c r="O333" s="63"/>
    </row>
    <row r="334" spans="2:15">
      <c r="B334" s="74"/>
      <c r="C334" s="40">
        <v>166100</v>
      </c>
      <c r="D334" s="71"/>
      <c r="E334" s="72"/>
      <c r="F334" s="72"/>
      <c r="G334" s="72"/>
      <c r="H334" s="72" t="s">
        <v>172</v>
      </c>
      <c r="I334" s="72"/>
      <c r="J334" s="72"/>
      <c r="K334" s="72"/>
      <c r="L334" s="75"/>
      <c r="M334" s="76"/>
      <c r="N334" s="62"/>
      <c r="O334" s="63"/>
    </row>
    <row r="335" spans="2:15">
      <c r="B335" s="74"/>
      <c r="C335" s="40">
        <v>156243</v>
      </c>
      <c r="D335" s="67"/>
      <c r="E335" s="69"/>
      <c r="F335" s="69"/>
      <c r="G335" s="69" t="s">
        <v>291</v>
      </c>
      <c r="H335" s="52"/>
      <c r="I335" s="69"/>
      <c r="J335" s="69"/>
      <c r="K335" s="69"/>
      <c r="L335" s="75"/>
      <c r="M335" s="76"/>
      <c r="N335" s="62"/>
      <c r="O335" s="63"/>
    </row>
    <row r="336" spans="2:15">
      <c r="B336" s="74"/>
      <c r="C336" s="40">
        <v>83463</v>
      </c>
      <c r="D336" s="67"/>
      <c r="E336" s="69"/>
      <c r="F336" s="69"/>
      <c r="G336" s="69"/>
      <c r="H336" s="69" t="s">
        <v>292</v>
      </c>
      <c r="I336" s="69"/>
      <c r="J336" s="69"/>
      <c r="K336" s="69"/>
      <c r="L336" s="75"/>
      <c r="M336" s="76"/>
      <c r="N336" s="62"/>
      <c r="O336" s="63"/>
    </row>
    <row r="337" spans="2:15">
      <c r="B337" s="74"/>
      <c r="C337" s="40">
        <v>93976</v>
      </c>
      <c r="D337" s="71"/>
      <c r="E337" s="72"/>
      <c r="F337" s="72"/>
      <c r="G337" s="72"/>
      <c r="H337" s="72" t="s">
        <v>293</v>
      </c>
      <c r="I337" s="72"/>
      <c r="J337" s="72"/>
      <c r="K337" s="72"/>
      <c r="L337" s="75"/>
      <c r="M337" s="76"/>
      <c r="N337" s="62"/>
      <c r="O337" s="63"/>
    </row>
    <row r="338" spans="2:15">
      <c r="B338" s="74"/>
      <c r="C338" s="40">
        <v>141074</v>
      </c>
      <c r="D338" s="67"/>
      <c r="E338" s="69"/>
      <c r="F338" s="69"/>
      <c r="G338" s="69"/>
      <c r="H338" s="69" t="s">
        <v>294</v>
      </c>
      <c r="I338" s="69"/>
      <c r="J338" s="69"/>
      <c r="K338" s="69"/>
      <c r="L338" s="75"/>
      <c r="M338" s="76"/>
      <c r="N338" s="62"/>
      <c r="O338" s="63"/>
    </row>
    <row r="339" spans="2:15">
      <c r="B339" s="74"/>
      <c r="C339" s="40">
        <v>156246</v>
      </c>
      <c r="D339" s="71"/>
      <c r="E339" s="72"/>
      <c r="F339" s="72"/>
      <c r="G339" s="72" t="s">
        <v>295</v>
      </c>
      <c r="H339" s="52"/>
      <c r="I339" s="72"/>
      <c r="J339" s="72"/>
      <c r="K339" s="72"/>
      <c r="L339" s="75"/>
      <c r="M339" s="76"/>
      <c r="N339" s="62"/>
      <c r="O339" s="63"/>
    </row>
    <row r="340" spans="2:15">
      <c r="B340" s="74"/>
      <c r="C340" s="40">
        <v>1135</v>
      </c>
      <c r="D340" s="71"/>
      <c r="E340" s="72"/>
      <c r="F340" s="72"/>
      <c r="G340" s="72"/>
      <c r="H340" s="72" t="s">
        <v>296</v>
      </c>
      <c r="I340" s="72"/>
      <c r="J340" s="72"/>
      <c r="K340" s="72"/>
      <c r="L340" s="75"/>
      <c r="M340" s="76"/>
      <c r="N340" s="62"/>
      <c r="O340" s="63"/>
    </row>
    <row r="341" spans="2:15">
      <c r="B341" s="74"/>
      <c r="C341" s="40">
        <v>1200</v>
      </c>
      <c r="D341" s="67"/>
      <c r="E341" s="69"/>
      <c r="F341" s="69"/>
      <c r="G341" s="69"/>
      <c r="H341" s="69" t="s">
        <v>68</v>
      </c>
      <c r="I341" s="69"/>
      <c r="J341" s="69"/>
      <c r="K341" s="69"/>
      <c r="L341" s="75"/>
      <c r="M341" s="76"/>
      <c r="N341" s="62"/>
      <c r="O341" s="63"/>
    </row>
    <row r="342" spans="2:15">
      <c r="B342" s="74"/>
      <c r="C342" s="40">
        <v>1252</v>
      </c>
      <c r="D342" s="71"/>
      <c r="E342" s="72"/>
      <c r="F342" s="72"/>
      <c r="G342" s="72"/>
      <c r="H342" s="72" t="s">
        <v>297</v>
      </c>
      <c r="I342" s="72"/>
      <c r="J342" s="72"/>
      <c r="K342" s="72"/>
      <c r="L342" s="75"/>
      <c r="M342" s="76"/>
      <c r="N342" s="62"/>
      <c r="O342" s="63"/>
    </row>
    <row r="343" spans="2:15">
      <c r="B343" s="74"/>
      <c r="C343" s="40">
        <v>2363</v>
      </c>
      <c r="D343" s="67"/>
      <c r="E343" s="69"/>
      <c r="F343" s="69"/>
      <c r="G343" s="69"/>
      <c r="H343" s="69" t="s">
        <v>298</v>
      </c>
      <c r="I343" s="69"/>
      <c r="J343" s="69"/>
      <c r="K343" s="69"/>
      <c r="L343" s="75"/>
      <c r="M343" s="76"/>
      <c r="N343" s="62"/>
      <c r="O343" s="63"/>
    </row>
    <row r="344" spans="2:15">
      <c r="B344" s="74"/>
      <c r="C344" s="40">
        <v>2695</v>
      </c>
      <c r="D344" s="71"/>
      <c r="E344" s="72"/>
      <c r="F344" s="72"/>
      <c r="G344" s="72"/>
      <c r="H344" s="72" t="s">
        <v>299</v>
      </c>
      <c r="I344" s="72"/>
      <c r="J344" s="72"/>
      <c r="K344" s="72"/>
      <c r="L344" s="75"/>
      <c r="M344" s="76"/>
      <c r="N344" s="62"/>
      <c r="O344" s="63"/>
    </row>
    <row r="345" spans="2:15">
      <c r="B345" s="74"/>
      <c r="C345" s="40">
        <v>3026</v>
      </c>
      <c r="D345" s="67"/>
      <c r="E345" s="69"/>
      <c r="F345" s="69"/>
      <c r="G345" s="69"/>
      <c r="H345" s="69" t="s">
        <v>300</v>
      </c>
      <c r="I345" s="69"/>
      <c r="J345" s="69"/>
      <c r="K345" s="69"/>
      <c r="L345" s="75"/>
      <c r="M345" s="76"/>
      <c r="N345" s="62"/>
      <c r="O345" s="63"/>
    </row>
    <row r="346" spans="2:15">
      <c r="B346" s="74"/>
      <c r="C346" s="40">
        <v>1134</v>
      </c>
      <c r="D346" s="71"/>
      <c r="E346" s="72"/>
      <c r="F346" s="72"/>
      <c r="G346" s="72"/>
      <c r="H346" s="72" t="s">
        <v>301</v>
      </c>
      <c r="I346" s="72"/>
      <c r="J346" s="72"/>
      <c r="K346" s="72"/>
      <c r="L346" s="75"/>
      <c r="M346" s="76"/>
      <c r="N346" s="62"/>
      <c r="O346" s="63"/>
    </row>
    <row r="347" spans="2:15">
      <c r="B347" s="74"/>
      <c r="C347" s="40">
        <v>137622</v>
      </c>
      <c r="D347" s="67"/>
      <c r="E347" s="69"/>
      <c r="F347" s="69"/>
      <c r="G347" s="69"/>
      <c r="H347" s="69" t="s">
        <v>302</v>
      </c>
      <c r="I347" s="69"/>
      <c r="J347" s="69"/>
      <c r="K347" s="69"/>
      <c r="L347" s="75"/>
      <c r="M347" s="76"/>
      <c r="N347" s="62"/>
      <c r="O347" s="63"/>
    </row>
    <row r="348" spans="2:15">
      <c r="B348" s="74"/>
      <c r="C348" s="40">
        <v>137914</v>
      </c>
      <c r="D348" s="71"/>
      <c r="E348" s="72"/>
      <c r="F348" s="72"/>
      <c r="G348" s="72"/>
      <c r="H348" s="72" t="s">
        <v>303</v>
      </c>
      <c r="I348" s="52"/>
      <c r="J348" s="72"/>
      <c r="K348" s="72"/>
      <c r="L348" s="75"/>
      <c r="M348" s="76"/>
      <c r="N348" s="62"/>
      <c r="O348" s="63"/>
    </row>
    <row r="349" spans="2:15">
      <c r="B349" s="74"/>
      <c r="C349" s="40">
        <v>137917</v>
      </c>
      <c r="D349" s="71"/>
      <c r="E349" s="72"/>
      <c r="F349" s="72"/>
      <c r="G349" s="72"/>
      <c r="H349" s="72"/>
      <c r="I349" s="72" t="s">
        <v>304</v>
      </c>
      <c r="J349" s="72"/>
      <c r="K349" s="72"/>
      <c r="L349" s="75"/>
      <c r="M349" s="76"/>
      <c r="N349" s="62"/>
      <c r="O349" s="63"/>
    </row>
    <row r="350" spans="2:15">
      <c r="B350" s="74"/>
      <c r="C350" s="40">
        <v>137920</v>
      </c>
      <c r="D350" s="67"/>
      <c r="E350" s="69"/>
      <c r="F350" s="69"/>
      <c r="G350" s="69"/>
      <c r="H350" s="69"/>
      <c r="I350" s="69" t="s">
        <v>305</v>
      </c>
      <c r="J350" s="69"/>
      <c r="K350" s="69"/>
      <c r="L350" s="75"/>
      <c r="M350" s="76"/>
      <c r="N350" s="62"/>
      <c r="O350" s="63"/>
    </row>
    <row r="351" spans="2:15">
      <c r="B351" s="74"/>
      <c r="C351" s="40">
        <v>141077</v>
      </c>
      <c r="D351" s="71"/>
      <c r="E351" s="72"/>
      <c r="F351" s="72"/>
      <c r="G351" s="72"/>
      <c r="H351" s="72" t="s">
        <v>306</v>
      </c>
      <c r="I351" s="72"/>
      <c r="J351" s="72"/>
      <c r="K351" s="72"/>
      <c r="L351" s="75"/>
      <c r="M351" s="76"/>
      <c r="N351" s="62"/>
      <c r="O351" s="63"/>
    </row>
    <row r="352" spans="2:15">
      <c r="B352" s="74"/>
      <c r="C352" s="40">
        <v>141083</v>
      </c>
      <c r="D352" s="67"/>
      <c r="E352" s="69"/>
      <c r="F352" s="69"/>
      <c r="G352" s="69"/>
      <c r="H352" s="69" t="s">
        <v>307</v>
      </c>
      <c r="I352" s="69"/>
      <c r="J352" s="69"/>
      <c r="K352" s="69"/>
      <c r="L352" s="75"/>
      <c r="M352" s="76"/>
      <c r="N352" s="62"/>
      <c r="O352" s="63"/>
    </row>
    <row r="353" spans="2:15">
      <c r="B353" s="74"/>
      <c r="C353" s="40">
        <v>141091</v>
      </c>
      <c r="D353" s="71"/>
      <c r="E353" s="72"/>
      <c r="F353" s="72"/>
      <c r="G353" s="72"/>
      <c r="H353" s="72" t="s">
        <v>308</v>
      </c>
      <c r="I353" s="72"/>
      <c r="J353" s="72"/>
      <c r="K353" s="72"/>
      <c r="L353" s="75"/>
      <c r="M353" s="76"/>
      <c r="N353" s="62"/>
      <c r="O353" s="63"/>
    </row>
    <row r="354" spans="2:15">
      <c r="B354" s="74"/>
      <c r="C354" s="40">
        <v>141096</v>
      </c>
      <c r="D354" s="67"/>
      <c r="E354" s="69"/>
      <c r="F354" s="69"/>
      <c r="G354" s="69"/>
      <c r="H354" s="69" t="s">
        <v>309</v>
      </c>
      <c r="I354" s="69"/>
      <c r="J354" s="69"/>
      <c r="K354" s="69"/>
      <c r="L354" s="75"/>
      <c r="M354" s="76"/>
      <c r="N354" s="62"/>
      <c r="O354" s="63"/>
    </row>
    <row r="355" spans="2:15">
      <c r="B355" s="74"/>
      <c r="C355" s="40">
        <v>141099</v>
      </c>
      <c r="D355" s="71"/>
      <c r="E355" s="72"/>
      <c r="F355" s="72"/>
      <c r="G355" s="72"/>
      <c r="H355" s="72" t="s">
        <v>310</v>
      </c>
      <c r="I355" s="72"/>
      <c r="J355" s="72"/>
      <c r="K355" s="72"/>
      <c r="L355" s="75"/>
      <c r="M355" s="76"/>
      <c r="N355" s="62"/>
      <c r="O355" s="63"/>
    </row>
    <row r="356" spans="2:15">
      <c r="B356" s="74"/>
      <c r="C356" s="40">
        <v>141107</v>
      </c>
      <c r="D356" s="67"/>
      <c r="E356" s="69"/>
      <c r="F356" s="69"/>
      <c r="G356" s="69"/>
      <c r="H356" s="69" t="s">
        <v>311</v>
      </c>
      <c r="I356" s="69"/>
      <c r="J356" s="69"/>
      <c r="K356" s="69"/>
      <c r="L356" s="75"/>
      <c r="M356" s="76"/>
      <c r="N356" s="62"/>
      <c r="O356" s="63"/>
    </row>
    <row r="357" spans="2:15">
      <c r="B357" s="74"/>
      <c r="C357" s="40">
        <v>141112</v>
      </c>
      <c r="D357" s="71"/>
      <c r="E357" s="72"/>
      <c r="F357" s="72"/>
      <c r="G357" s="72"/>
      <c r="H357" s="72" t="s">
        <v>312</v>
      </c>
      <c r="I357" s="72"/>
      <c r="J357" s="72"/>
      <c r="K357" s="72"/>
      <c r="L357" s="75"/>
      <c r="M357" s="76"/>
      <c r="N357" s="62"/>
      <c r="O357" s="63"/>
    </row>
    <row r="358" spans="2:15">
      <c r="B358" s="74"/>
      <c r="C358" s="40">
        <v>141115</v>
      </c>
      <c r="D358" s="67"/>
      <c r="E358" s="69"/>
      <c r="F358" s="69"/>
      <c r="G358" s="69"/>
      <c r="H358" s="69" t="s">
        <v>313</v>
      </c>
      <c r="I358" s="69"/>
      <c r="J358" s="69"/>
      <c r="K358" s="69"/>
      <c r="L358" s="75"/>
      <c r="M358" s="76"/>
      <c r="N358" s="62"/>
      <c r="O358" s="63"/>
    </row>
    <row r="359" spans="2:15">
      <c r="B359" s="74"/>
      <c r="C359" s="40">
        <v>141118</v>
      </c>
      <c r="D359" s="71"/>
      <c r="E359" s="72"/>
      <c r="F359" s="72"/>
      <c r="G359" s="72"/>
      <c r="H359" s="72" t="s">
        <v>314</v>
      </c>
      <c r="I359" s="72"/>
      <c r="J359" s="72"/>
      <c r="K359" s="72"/>
      <c r="L359" s="75"/>
      <c r="M359" s="76"/>
      <c r="N359" s="62"/>
      <c r="O359" s="63"/>
    </row>
    <row r="360" spans="2:15">
      <c r="B360" s="74"/>
      <c r="C360" s="40">
        <v>157832</v>
      </c>
      <c r="D360" s="67"/>
      <c r="E360" s="69"/>
      <c r="F360" s="69"/>
      <c r="G360" s="69"/>
      <c r="H360" s="69" t="s">
        <v>315</v>
      </c>
      <c r="I360" s="69"/>
      <c r="J360" s="69"/>
      <c r="K360" s="69"/>
      <c r="L360" s="75"/>
      <c r="M360" s="76"/>
      <c r="N360" s="62"/>
      <c r="O360" s="63"/>
    </row>
    <row r="361" spans="2:15">
      <c r="B361" s="74"/>
      <c r="C361" s="40">
        <v>162516</v>
      </c>
      <c r="D361" s="71"/>
      <c r="E361" s="72"/>
      <c r="F361" s="72"/>
      <c r="G361" s="72"/>
      <c r="H361" s="72" t="s">
        <v>316</v>
      </c>
      <c r="I361" s="72"/>
      <c r="J361" s="72"/>
      <c r="K361" s="72"/>
      <c r="L361" s="75"/>
      <c r="M361" s="76"/>
      <c r="N361" s="62"/>
      <c r="O361" s="63"/>
    </row>
    <row r="362" spans="2:15">
      <c r="B362" s="74"/>
      <c r="C362" s="40">
        <v>162521</v>
      </c>
      <c r="D362" s="67"/>
      <c r="E362" s="69"/>
      <c r="F362" s="69"/>
      <c r="G362" s="69"/>
      <c r="H362" s="69" t="s">
        <v>317</v>
      </c>
      <c r="I362" s="69"/>
      <c r="J362" s="69"/>
      <c r="K362" s="69"/>
      <c r="L362" s="75"/>
      <c r="M362" s="76"/>
      <c r="N362" s="62"/>
      <c r="O362" s="63"/>
    </row>
    <row r="363" spans="2:15">
      <c r="B363" s="74"/>
      <c r="C363" s="40">
        <v>217266</v>
      </c>
      <c r="D363" s="71"/>
      <c r="E363" s="72"/>
      <c r="F363" s="72"/>
      <c r="G363" s="72"/>
      <c r="H363" s="72" t="s">
        <v>318</v>
      </c>
      <c r="I363" s="72"/>
      <c r="J363" s="72"/>
      <c r="K363" s="72"/>
      <c r="L363" s="75"/>
      <c r="M363" s="76"/>
      <c r="N363" s="62"/>
      <c r="O363" s="63"/>
    </row>
    <row r="364" spans="2:15">
      <c r="B364" s="74"/>
      <c r="C364" s="40">
        <v>156249</v>
      </c>
      <c r="D364" s="67"/>
      <c r="E364" s="69"/>
      <c r="F364" s="69"/>
      <c r="G364" s="69" t="s">
        <v>319</v>
      </c>
      <c r="H364" s="52"/>
      <c r="I364" s="69"/>
      <c r="J364" s="69"/>
      <c r="K364" s="69"/>
      <c r="L364" s="75"/>
      <c r="M364" s="76"/>
      <c r="N364" s="62"/>
      <c r="O364" s="63"/>
    </row>
    <row r="365" spans="2:15">
      <c r="B365" s="74"/>
      <c r="C365" s="40">
        <v>2373</v>
      </c>
      <c r="D365" s="67"/>
      <c r="E365" s="69"/>
      <c r="F365" s="69"/>
      <c r="G365" s="69"/>
      <c r="H365" s="69" t="s">
        <v>320</v>
      </c>
      <c r="I365" s="69"/>
      <c r="J365" s="69"/>
      <c r="K365" s="69"/>
      <c r="L365" s="75"/>
      <c r="M365" s="76"/>
      <c r="N365" s="62"/>
      <c r="O365" s="63"/>
    </row>
    <row r="366" spans="2:15">
      <c r="B366" s="74"/>
      <c r="C366" s="40">
        <v>2374</v>
      </c>
      <c r="D366" s="71"/>
      <c r="E366" s="72"/>
      <c r="F366" s="72"/>
      <c r="G366" s="72"/>
      <c r="H366" s="72" t="s">
        <v>321</v>
      </c>
      <c r="I366" s="72"/>
      <c r="J366" s="72"/>
      <c r="K366" s="72"/>
      <c r="L366" s="75"/>
      <c r="M366" s="76"/>
      <c r="N366" s="62"/>
      <c r="O366" s="63"/>
    </row>
    <row r="367" spans="2:15">
      <c r="B367" s="74"/>
      <c r="C367" s="40">
        <v>1202</v>
      </c>
      <c r="D367" s="67"/>
      <c r="E367" s="69"/>
      <c r="F367" s="69"/>
      <c r="G367" s="69"/>
      <c r="H367" s="69" t="s">
        <v>322</v>
      </c>
      <c r="I367" s="69"/>
      <c r="J367" s="69"/>
      <c r="K367" s="69"/>
      <c r="L367" s="75"/>
      <c r="M367" s="76"/>
      <c r="N367" s="62"/>
      <c r="O367" s="63"/>
    </row>
    <row r="368" spans="2:15">
      <c r="B368" s="74"/>
      <c r="C368" s="40">
        <v>2372</v>
      </c>
      <c r="D368" s="71"/>
      <c r="E368" s="72"/>
      <c r="F368" s="72"/>
      <c r="G368" s="72"/>
      <c r="H368" s="72" t="s">
        <v>323</v>
      </c>
      <c r="I368" s="72"/>
      <c r="J368" s="72"/>
      <c r="K368" s="72"/>
      <c r="L368" s="75"/>
      <c r="M368" s="76"/>
      <c r="N368" s="62"/>
      <c r="O368" s="63"/>
    </row>
    <row r="369" spans="2:15">
      <c r="B369" s="74"/>
      <c r="C369" s="40">
        <v>2004</v>
      </c>
      <c r="D369" s="67"/>
      <c r="E369" s="69"/>
      <c r="F369" s="69"/>
      <c r="G369" s="69"/>
      <c r="H369" s="69" t="s">
        <v>324</v>
      </c>
      <c r="I369" s="52"/>
      <c r="J369" s="69"/>
      <c r="K369" s="69"/>
      <c r="L369" s="75"/>
      <c r="M369" s="76"/>
      <c r="N369" s="62"/>
      <c r="O369" s="63"/>
    </row>
    <row r="370" spans="2:15">
      <c r="B370" s="74"/>
      <c r="C370" s="40">
        <v>93938</v>
      </c>
      <c r="D370" s="67"/>
      <c r="E370" s="69"/>
      <c r="F370" s="69"/>
      <c r="G370" s="69"/>
      <c r="H370" s="69"/>
      <c r="I370" s="69" t="s">
        <v>325</v>
      </c>
      <c r="J370" s="69"/>
      <c r="K370" s="69"/>
      <c r="L370" s="75"/>
      <c r="M370" s="76"/>
      <c r="N370" s="62"/>
      <c r="O370" s="63"/>
    </row>
    <row r="371" spans="2:15">
      <c r="B371" s="74"/>
      <c r="C371" s="40">
        <v>93939</v>
      </c>
      <c r="D371" s="71"/>
      <c r="E371" s="72"/>
      <c r="F371" s="72"/>
      <c r="G371" s="72"/>
      <c r="H371" s="72"/>
      <c r="I371" s="72" t="s">
        <v>326</v>
      </c>
      <c r="J371" s="72"/>
      <c r="K371" s="72"/>
      <c r="L371" s="75"/>
      <c r="M371" s="76"/>
      <c r="N371" s="62"/>
      <c r="O371" s="63"/>
    </row>
    <row r="372" spans="2:15">
      <c r="B372" s="74"/>
      <c r="C372" s="40">
        <v>93940</v>
      </c>
      <c r="D372" s="67"/>
      <c r="E372" s="69"/>
      <c r="F372" s="69"/>
      <c r="G372" s="69"/>
      <c r="H372" s="69"/>
      <c r="I372" s="69" t="s">
        <v>327</v>
      </c>
      <c r="J372" s="69"/>
      <c r="K372" s="69"/>
      <c r="L372" s="75"/>
      <c r="M372" s="76"/>
      <c r="N372" s="62"/>
      <c r="O372" s="63"/>
    </row>
    <row r="373" spans="2:15">
      <c r="B373" s="74"/>
      <c r="C373" s="40">
        <v>93941</v>
      </c>
      <c r="D373" s="71"/>
      <c r="E373" s="72"/>
      <c r="F373" s="72"/>
      <c r="G373" s="72"/>
      <c r="H373" s="72"/>
      <c r="I373" s="72" t="s">
        <v>328</v>
      </c>
      <c r="J373" s="72"/>
      <c r="K373" s="72"/>
      <c r="L373" s="75"/>
      <c r="M373" s="76"/>
      <c r="N373" s="62"/>
      <c r="O373" s="63"/>
    </row>
    <row r="374" spans="2:15">
      <c r="B374" s="74"/>
      <c r="C374" s="40">
        <v>280205</v>
      </c>
      <c r="D374" s="67"/>
      <c r="E374" s="69"/>
      <c r="F374" s="69"/>
      <c r="G374" s="69"/>
      <c r="H374" s="69"/>
      <c r="I374" s="69" t="s">
        <v>329</v>
      </c>
      <c r="J374" s="69"/>
      <c r="K374" s="69"/>
      <c r="L374" s="75"/>
      <c r="M374" s="76"/>
      <c r="N374" s="62"/>
      <c r="O374" s="63"/>
    </row>
    <row r="375" spans="2:15">
      <c r="B375" s="74"/>
      <c r="C375" s="40">
        <v>2042</v>
      </c>
      <c r="D375" s="71"/>
      <c r="E375" s="72"/>
      <c r="F375" s="72"/>
      <c r="G375" s="72"/>
      <c r="H375" s="72" t="s">
        <v>330</v>
      </c>
      <c r="I375" s="72"/>
      <c r="J375" s="72"/>
      <c r="K375" s="72"/>
      <c r="L375" s="75"/>
      <c r="M375" s="76"/>
      <c r="N375" s="62"/>
      <c r="O375" s="63"/>
    </row>
    <row r="376" spans="2:15">
      <c r="B376" s="74"/>
      <c r="C376" s="40">
        <v>2291</v>
      </c>
      <c r="D376" s="67"/>
      <c r="E376" s="69"/>
      <c r="F376" s="69"/>
      <c r="G376" s="69"/>
      <c r="H376" s="69" t="s">
        <v>331</v>
      </c>
      <c r="I376" s="69"/>
      <c r="J376" s="69"/>
      <c r="K376" s="69"/>
      <c r="L376" s="75"/>
      <c r="M376" s="76"/>
      <c r="N376" s="62"/>
      <c r="O376" s="63"/>
    </row>
    <row r="377" spans="2:15">
      <c r="B377" s="74"/>
      <c r="C377" s="40">
        <v>2808</v>
      </c>
      <c r="D377" s="71"/>
      <c r="E377" s="72"/>
      <c r="F377" s="72"/>
      <c r="G377" s="72"/>
      <c r="H377" s="72" t="s">
        <v>332</v>
      </c>
      <c r="I377" s="72"/>
      <c r="J377" s="72"/>
      <c r="K377" s="72"/>
      <c r="L377" s="75"/>
      <c r="M377" s="76"/>
      <c r="N377" s="62"/>
      <c r="O377" s="63"/>
    </row>
    <row r="378" spans="2:15">
      <c r="B378" s="74"/>
      <c r="C378" s="40">
        <v>137926</v>
      </c>
      <c r="D378" s="67"/>
      <c r="E378" s="69"/>
      <c r="F378" s="69"/>
      <c r="G378" s="69"/>
      <c r="H378" s="69" t="s">
        <v>333</v>
      </c>
      <c r="I378" s="69"/>
      <c r="J378" s="69"/>
      <c r="K378" s="69"/>
      <c r="L378" s="75"/>
      <c r="M378" s="76"/>
      <c r="N378" s="62"/>
      <c r="O378" s="63"/>
    </row>
    <row r="379" spans="2:15">
      <c r="B379" s="74"/>
      <c r="C379" s="40">
        <v>137932</v>
      </c>
      <c r="D379" s="71"/>
      <c r="E379" s="72"/>
      <c r="F379" s="72"/>
      <c r="G379" s="72"/>
      <c r="H379" s="72" t="s">
        <v>334</v>
      </c>
      <c r="I379" s="72"/>
      <c r="J379" s="72"/>
      <c r="K379" s="72"/>
      <c r="L379" s="75"/>
      <c r="M379" s="76"/>
      <c r="N379" s="62"/>
      <c r="O379" s="63"/>
    </row>
    <row r="380" spans="2:15">
      <c r="B380" s="74"/>
      <c r="C380" s="40">
        <v>137935</v>
      </c>
      <c r="D380" s="67"/>
      <c r="E380" s="69"/>
      <c r="F380" s="69"/>
      <c r="G380" s="69"/>
      <c r="H380" s="69" t="s">
        <v>335</v>
      </c>
      <c r="I380" s="69"/>
      <c r="J380" s="69"/>
      <c r="K380" s="69"/>
      <c r="L380" s="75"/>
      <c r="M380" s="76"/>
      <c r="N380" s="62"/>
      <c r="O380" s="63"/>
    </row>
    <row r="381" spans="2:15">
      <c r="B381" s="74"/>
      <c r="C381" s="40">
        <v>141121</v>
      </c>
      <c r="D381" s="71"/>
      <c r="E381" s="72"/>
      <c r="F381" s="72"/>
      <c r="G381" s="72"/>
      <c r="H381" s="72" t="s">
        <v>336</v>
      </c>
      <c r="I381" s="72"/>
      <c r="J381" s="72"/>
      <c r="K381" s="72"/>
      <c r="L381" s="75"/>
      <c r="M381" s="76"/>
      <c r="N381" s="62"/>
      <c r="O381" s="63"/>
    </row>
    <row r="382" spans="2:15">
      <c r="B382" s="74"/>
      <c r="C382" s="40">
        <v>141124</v>
      </c>
      <c r="D382" s="67"/>
      <c r="E382" s="69"/>
      <c r="F382" s="69"/>
      <c r="G382" s="69"/>
      <c r="H382" s="69" t="s">
        <v>337</v>
      </c>
      <c r="I382" s="69"/>
      <c r="J382" s="69"/>
      <c r="K382" s="69"/>
      <c r="L382" s="75"/>
      <c r="M382" s="76"/>
      <c r="N382" s="62"/>
      <c r="O382" s="63"/>
    </row>
    <row r="383" spans="2:15">
      <c r="B383" s="74"/>
      <c r="C383" s="40">
        <v>156252</v>
      </c>
      <c r="D383" s="71"/>
      <c r="E383" s="72"/>
      <c r="F383" s="72"/>
      <c r="G383" s="72" t="s">
        <v>338</v>
      </c>
      <c r="H383" s="52"/>
      <c r="I383" s="72"/>
      <c r="J383" s="72"/>
      <c r="K383" s="72"/>
      <c r="L383" s="75"/>
      <c r="M383" s="76"/>
      <c r="N383" s="62"/>
      <c r="O383" s="63"/>
    </row>
    <row r="384" spans="2:15">
      <c r="B384" s="74"/>
      <c r="C384" s="40">
        <v>2005</v>
      </c>
      <c r="D384" s="71"/>
      <c r="E384" s="72"/>
      <c r="F384" s="72"/>
      <c r="G384" s="72"/>
      <c r="H384" s="72" t="s">
        <v>339</v>
      </c>
      <c r="I384" s="72"/>
      <c r="J384" s="72"/>
      <c r="K384" s="72"/>
      <c r="L384" s="75"/>
      <c r="M384" s="76"/>
      <c r="N384" s="62"/>
      <c r="O384" s="63"/>
    </row>
    <row r="385" spans="2:15">
      <c r="B385" s="74"/>
      <c r="C385" s="40">
        <v>3346</v>
      </c>
      <c r="D385" s="67"/>
      <c r="E385" s="69"/>
      <c r="F385" s="69"/>
      <c r="G385" s="69"/>
      <c r="H385" s="69" t="s">
        <v>340</v>
      </c>
      <c r="I385" s="69"/>
      <c r="J385" s="69"/>
      <c r="K385" s="69"/>
      <c r="L385" s="75"/>
      <c r="M385" s="76"/>
      <c r="N385" s="62"/>
      <c r="O385" s="63"/>
    </row>
    <row r="386" spans="2:15">
      <c r="B386" s="74"/>
      <c r="C386" s="40">
        <v>2042</v>
      </c>
      <c r="D386" s="71"/>
      <c r="E386" s="72"/>
      <c r="F386" s="72"/>
      <c r="G386" s="72"/>
      <c r="H386" s="72" t="s">
        <v>330</v>
      </c>
      <c r="I386" s="72"/>
      <c r="J386" s="72"/>
      <c r="K386" s="72"/>
      <c r="L386" s="75"/>
      <c r="M386" s="76"/>
      <c r="N386" s="62"/>
      <c r="O386" s="63"/>
    </row>
    <row r="387" spans="2:15">
      <c r="B387" s="74"/>
      <c r="C387" s="40">
        <v>95430</v>
      </c>
      <c r="D387" s="67"/>
      <c r="E387" s="69"/>
      <c r="F387" s="69"/>
      <c r="G387" s="69"/>
      <c r="H387" s="69" t="s">
        <v>341</v>
      </c>
      <c r="I387" s="69"/>
      <c r="J387" s="69"/>
      <c r="K387" s="69"/>
      <c r="L387" s="75"/>
      <c r="M387" s="76"/>
      <c r="N387" s="62"/>
      <c r="O387" s="63"/>
    </row>
    <row r="388" spans="2:15">
      <c r="B388" s="74"/>
      <c r="C388" s="40">
        <v>141127</v>
      </c>
      <c r="D388" s="71"/>
      <c r="E388" s="72"/>
      <c r="F388" s="72"/>
      <c r="G388" s="72"/>
      <c r="H388" s="72" t="s">
        <v>342</v>
      </c>
      <c r="I388" s="72"/>
      <c r="J388" s="72"/>
      <c r="K388" s="72"/>
      <c r="L388" s="75"/>
      <c r="M388" s="76"/>
      <c r="N388" s="62"/>
      <c r="O388" s="63"/>
    </row>
    <row r="389" spans="2:15">
      <c r="B389" s="74"/>
      <c r="C389" s="40">
        <v>164004</v>
      </c>
      <c r="D389" s="67"/>
      <c r="E389" s="69"/>
      <c r="F389" s="69"/>
      <c r="G389" s="69" t="s">
        <v>343</v>
      </c>
      <c r="H389" s="52"/>
      <c r="I389" s="69"/>
      <c r="J389" s="69"/>
      <c r="K389" s="69"/>
      <c r="L389" s="75"/>
      <c r="M389" s="76"/>
      <c r="N389" s="62"/>
      <c r="O389" s="63"/>
    </row>
    <row r="390" spans="2:15">
      <c r="B390" s="74"/>
      <c r="C390" s="40">
        <v>162526</v>
      </c>
      <c r="D390" s="67"/>
      <c r="E390" s="69"/>
      <c r="F390" s="69"/>
      <c r="G390" s="69"/>
      <c r="H390" s="69" t="s">
        <v>344</v>
      </c>
      <c r="I390" s="69"/>
      <c r="J390" s="69"/>
      <c r="K390" s="69"/>
      <c r="L390" s="75"/>
      <c r="M390" s="76"/>
      <c r="N390" s="62"/>
      <c r="O390" s="63"/>
    </row>
    <row r="391" spans="2:15">
      <c r="B391" s="74"/>
      <c r="C391" s="40">
        <v>98061</v>
      </c>
      <c r="D391" s="71"/>
      <c r="E391" s="72"/>
      <c r="F391" s="72" t="s">
        <v>345</v>
      </c>
      <c r="G391" s="52"/>
      <c r="H391" s="72"/>
      <c r="I391" s="72"/>
      <c r="J391" s="72"/>
      <c r="K391" s="72"/>
      <c r="L391" s="75"/>
      <c r="M391" s="76"/>
      <c r="N391" s="62"/>
      <c r="O391" s="63"/>
    </row>
    <row r="392" spans="2:15">
      <c r="B392" s="74"/>
      <c r="C392" s="40">
        <v>150</v>
      </c>
      <c r="D392" s="71"/>
      <c r="E392" s="72"/>
      <c r="F392" s="72"/>
      <c r="G392" s="72" t="s">
        <v>346</v>
      </c>
      <c r="H392" s="72"/>
      <c r="I392" s="72"/>
      <c r="J392" s="72"/>
      <c r="K392" s="72"/>
      <c r="L392" s="75"/>
      <c r="M392" s="76"/>
      <c r="N392" s="62"/>
      <c r="O392" s="63"/>
    </row>
    <row r="393" spans="2:15">
      <c r="B393" s="74"/>
      <c r="C393" s="40">
        <v>100083</v>
      </c>
      <c r="D393" s="67"/>
      <c r="E393" s="69"/>
      <c r="F393" s="69"/>
      <c r="G393" s="69" t="s">
        <v>347</v>
      </c>
      <c r="H393" s="69"/>
      <c r="I393" s="69"/>
      <c r="J393" s="69"/>
      <c r="K393" s="69"/>
      <c r="L393" s="75"/>
      <c r="M393" s="76"/>
      <c r="N393" s="62"/>
      <c r="O393" s="63"/>
    </row>
    <row r="394" spans="2:15">
      <c r="B394" s="74"/>
      <c r="C394" s="40">
        <v>100084</v>
      </c>
      <c r="D394" s="71"/>
      <c r="E394" s="72"/>
      <c r="F394" s="72"/>
      <c r="G394" s="72" t="s">
        <v>348</v>
      </c>
      <c r="H394" s="72"/>
      <c r="I394" s="72"/>
      <c r="J394" s="72"/>
      <c r="K394" s="72"/>
      <c r="L394" s="75"/>
      <c r="M394" s="76"/>
      <c r="N394" s="62"/>
      <c r="O394" s="63"/>
    </row>
    <row r="395" spans="2:15">
      <c r="B395" s="74"/>
      <c r="C395" s="40">
        <v>141112</v>
      </c>
      <c r="D395" s="67"/>
      <c r="E395" s="69"/>
      <c r="F395" s="69"/>
      <c r="G395" s="69" t="s">
        <v>312</v>
      </c>
      <c r="H395" s="69"/>
      <c r="I395" s="69"/>
      <c r="J395" s="69"/>
      <c r="K395" s="69"/>
      <c r="L395" s="75"/>
      <c r="M395" s="76"/>
      <c r="N395" s="62"/>
      <c r="O395" s="63"/>
    </row>
    <row r="396" spans="2:15">
      <c r="B396" s="74"/>
      <c r="C396" s="40">
        <v>141115</v>
      </c>
      <c r="D396" s="71"/>
      <c r="E396" s="72"/>
      <c r="F396" s="72"/>
      <c r="G396" s="72" t="s">
        <v>313</v>
      </c>
      <c r="H396" s="72"/>
      <c r="I396" s="72"/>
      <c r="J396" s="72"/>
      <c r="K396" s="72"/>
      <c r="L396" s="75"/>
      <c r="M396" s="76"/>
      <c r="N396" s="62"/>
      <c r="O396" s="63"/>
    </row>
    <row r="397" spans="2:15">
      <c r="B397" s="74"/>
      <c r="C397" s="40">
        <v>171684</v>
      </c>
      <c r="D397" s="67"/>
      <c r="E397" s="69"/>
      <c r="F397" s="69" t="s">
        <v>349</v>
      </c>
      <c r="G397" s="69"/>
      <c r="H397" s="69"/>
      <c r="I397" s="69"/>
      <c r="J397" s="69"/>
      <c r="K397" s="69"/>
      <c r="L397" s="75"/>
      <c r="M397" s="76"/>
      <c r="N397" s="62"/>
      <c r="O397" s="63"/>
    </row>
    <row r="398" spans="2:15" ht="15.75" thickBot="1">
      <c r="B398" s="77"/>
      <c r="C398" s="41">
        <v>210272</v>
      </c>
      <c r="D398" s="78"/>
      <c r="E398" s="79"/>
      <c r="F398" s="79" t="s">
        <v>350</v>
      </c>
      <c r="G398" s="79"/>
      <c r="H398" s="79"/>
      <c r="I398" s="79"/>
      <c r="J398" s="79"/>
      <c r="K398" s="79"/>
      <c r="L398" s="80"/>
      <c r="M398" s="81"/>
      <c r="N398" s="64"/>
      <c r="O398" s="65"/>
    </row>
    <row r="399" spans="2:15">
      <c r="B399" s="17"/>
      <c r="D399" s="43"/>
      <c r="E399" s="43"/>
      <c r="F399" s="43"/>
      <c r="G399" s="43"/>
      <c r="H399" s="43"/>
      <c r="I399" s="43"/>
      <c r="J399" s="43"/>
      <c r="K399" s="43"/>
      <c r="L399" s="43"/>
      <c r="M399" s="43"/>
    </row>
    <row r="400" spans="2:15">
      <c r="B400" s="17"/>
      <c r="C400" s="82" t="s">
        <v>352</v>
      </c>
      <c r="D400" s="43"/>
      <c r="E400" s="43"/>
      <c r="F400" s="43"/>
      <c r="G400" s="43"/>
      <c r="H400" s="43"/>
      <c r="I400" s="43"/>
      <c r="J400" s="43"/>
      <c r="K400" s="43"/>
      <c r="L400" s="43"/>
      <c r="M400" s="43"/>
    </row>
    <row r="401" spans="2:13">
      <c r="B401" s="17"/>
      <c r="D401" s="43"/>
      <c r="E401" s="43"/>
      <c r="F401" s="43"/>
      <c r="G401" s="43"/>
      <c r="H401" s="43"/>
      <c r="I401" s="43"/>
      <c r="J401" s="43"/>
      <c r="K401" s="43"/>
      <c r="L401" s="43"/>
      <c r="M401" s="43"/>
    </row>
    <row r="402" spans="2:13">
      <c r="D402" s="43"/>
      <c r="E402" s="43"/>
      <c r="F402" s="43"/>
      <c r="G402" s="43"/>
      <c r="H402" s="43"/>
      <c r="I402" s="43"/>
      <c r="J402" s="43"/>
      <c r="K402" s="43"/>
    </row>
    <row r="403" spans="2:13">
      <c r="D403" s="43"/>
      <c r="E403" s="43"/>
      <c r="F403" s="43"/>
      <c r="G403" s="43"/>
      <c r="H403" s="43"/>
      <c r="I403" s="43"/>
      <c r="J403" s="43"/>
      <c r="K403" s="43"/>
    </row>
    <row r="404" spans="2:13">
      <c r="D404" s="43"/>
      <c r="E404" s="43"/>
      <c r="F404" s="43"/>
      <c r="G404" s="43"/>
      <c r="H404" s="43"/>
      <c r="I404" s="43"/>
      <c r="J404" s="43"/>
      <c r="K404" s="43"/>
    </row>
    <row r="405" spans="2:13">
      <c r="D405" s="43"/>
      <c r="E405" s="43"/>
      <c r="F405" s="43"/>
      <c r="G405" s="43"/>
      <c r="H405" s="43"/>
      <c r="I405" s="43"/>
      <c r="J405" s="43"/>
      <c r="K405" s="43"/>
    </row>
    <row r="406" spans="2:13">
      <c r="D406" s="43"/>
      <c r="E406" s="43"/>
      <c r="F406" s="43"/>
      <c r="G406" s="43"/>
      <c r="H406" s="43"/>
      <c r="I406" s="43"/>
      <c r="J406" s="43"/>
      <c r="K406" s="43"/>
    </row>
    <row r="407" spans="2:13">
      <c r="D407" s="43"/>
      <c r="E407" s="43"/>
      <c r="F407" s="43"/>
      <c r="G407" s="43"/>
      <c r="H407" s="43"/>
      <c r="I407" s="43"/>
      <c r="J407" s="43"/>
      <c r="K407" s="43"/>
    </row>
    <row r="408" spans="2:13">
      <c r="D408" s="43"/>
      <c r="E408" s="43"/>
      <c r="F408" s="43"/>
      <c r="G408" s="43"/>
      <c r="H408" s="43"/>
      <c r="I408" s="43"/>
      <c r="J408" s="43"/>
      <c r="K408" s="43"/>
    </row>
    <row r="409" spans="2:13">
      <c r="D409" s="43"/>
      <c r="E409" s="43"/>
      <c r="F409" s="43"/>
      <c r="G409" s="43"/>
      <c r="H409" s="43"/>
      <c r="I409" s="43"/>
      <c r="J409" s="43"/>
      <c r="K409" s="43"/>
    </row>
    <row r="410" spans="2:13">
      <c r="D410" s="43"/>
      <c r="E410" s="43"/>
      <c r="F410" s="43"/>
      <c r="G410" s="43"/>
      <c r="H410" s="43"/>
      <c r="I410" s="43"/>
      <c r="J410" s="43"/>
      <c r="K410" s="43"/>
    </row>
    <row r="411" spans="2:13">
      <c r="D411" s="43"/>
      <c r="E411" s="43"/>
      <c r="F411" s="43"/>
      <c r="G411" s="43"/>
      <c r="H411" s="43"/>
      <c r="I411" s="43"/>
      <c r="J411" s="43"/>
      <c r="K411" s="43"/>
    </row>
    <row r="412" spans="2:13">
      <c r="D412" s="43"/>
      <c r="E412" s="43"/>
      <c r="F412" s="43"/>
      <c r="G412" s="43"/>
      <c r="H412" s="43"/>
      <c r="I412" s="43"/>
      <c r="J412" s="43"/>
      <c r="K412" s="43"/>
    </row>
    <row r="413" spans="2:13">
      <c r="D413" s="43"/>
      <c r="E413" s="43"/>
      <c r="F413" s="43"/>
      <c r="G413" s="43"/>
      <c r="H413" s="43"/>
      <c r="I413" s="43"/>
      <c r="J413" s="43"/>
      <c r="K413" s="43"/>
    </row>
    <row r="414" spans="2:13">
      <c r="D414" s="43"/>
      <c r="E414" s="43"/>
      <c r="F414" s="43"/>
      <c r="G414" s="43"/>
      <c r="H414" s="43"/>
      <c r="I414" s="43"/>
      <c r="J414" s="43"/>
      <c r="K414" s="43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pageSetup paperSize="9" orientation="portrait" verticalDpi="4" r:id="rId1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6"/>
  <sheetViews>
    <sheetView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7" hidden="1" customWidth="1"/>
    <col min="2" max="2" width="6.42578125" style="18" hidden="1" customWidth="1"/>
    <col min="3" max="3" width="10.85546875" style="17" customWidth="1"/>
    <col min="4" max="4" width="1.42578125" style="17" customWidth="1"/>
    <col min="5" max="12" width="3.5703125" style="17" customWidth="1"/>
    <col min="13" max="13" width="100.7109375" style="17" customWidth="1"/>
    <col min="14" max="14" width="20.85546875" style="17" customWidth="1"/>
    <col min="15" max="15" width="24.28515625" style="17" customWidth="1"/>
    <col min="16" max="16384" width="11.42578125" style="17"/>
  </cols>
  <sheetData>
    <row r="1" spans="2:15" ht="5.25" customHeight="1">
      <c r="B1" s="16"/>
      <c r="F1" s="18"/>
      <c r="G1" s="18"/>
      <c r="H1" s="18"/>
    </row>
    <row r="2" spans="2:15" ht="4.5" customHeight="1">
      <c r="B2" s="17"/>
      <c r="C2" s="1"/>
      <c r="D2" s="2"/>
      <c r="E2" s="2"/>
      <c r="F2" s="3"/>
      <c r="G2" s="3"/>
      <c r="H2" s="3"/>
      <c r="I2" s="3"/>
      <c r="J2" s="3"/>
      <c r="K2" s="3"/>
      <c r="L2" s="22"/>
      <c r="M2" s="19"/>
      <c r="N2" s="19"/>
      <c r="O2" s="23"/>
    </row>
    <row r="3" spans="2:15" s="24" customFormat="1" ht="21.75" thickBot="1">
      <c r="C3" s="4" t="s">
        <v>1</v>
      </c>
      <c r="D3" s="5"/>
      <c r="E3" s="5"/>
      <c r="F3" s="25"/>
      <c r="G3" s="26"/>
      <c r="H3" s="26"/>
      <c r="I3" s="26"/>
      <c r="J3" s="26"/>
      <c r="K3" s="26"/>
      <c r="L3" s="56"/>
      <c r="M3" s="57"/>
      <c r="N3" s="57"/>
      <c r="O3" s="58"/>
    </row>
    <row r="4" spans="2:15" s="24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7"/>
      <c r="M4" s="28"/>
      <c r="N4" s="28"/>
      <c r="O4" s="29"/>
    </row>
    <row r="5" spans="2:15" ht="7.5" customHeight="1">
      <c r="B5" s="17"/>
      <c r="C5" s="18"/>
      <c r="G5" s="18"/>
      <c r="H5" s="18"/>
      <c r="I5" s="18"/>
      <c r="J5" s="18"/>
      <c r="K5" s="18"/>
      <c r="M5" s="30"/>
      <c r="N5" s="30"/>
      <c r="O5" s="30"/>
    </row>
    <row r="6" spans="2:15" s="31" customFormat="1" ht="22.5" customHeight="1">
      <c r="C6" s="14" t="s">
        <v>2</v>
      </c>
      <c r="D6" s="15"/>
      <c r="E6" s="32"/>
      <c r="F6" s="13"/>
      <c r="G6" s="33"/>
      <c r="H6" s="33"/>
      <c r="I6" s="33"/>
      <c r="J6" s="33"/>
      <c r="K6" s="33"/>
      <c r="L6" s="59"/>
      <c r="M6" s="60"/>
      <c r="N6" s="60"/>
      <c r="O6" s="61"/>
    </row>
    <row r="7" spans="2:15" s="31" customFormat="1" ht="22.5" customHeight="1">
      <c r="C7" s="14" t="s">
        <v>3</v>
      </c>
      <c r="D7" s="15"/>
      <c r="E7" s="32"/>
      <c r="F7" s="13"/>
      <c r="G7" s="33"/>
      <c r="H7" s="33"/>
      <c r="I7" s="33"/>
      <c r="J7" s="33"/>
      <c r="K7" s="33"/>
      <c r="L7" s="59"/>
      <c r="M7" s="60"/>
      <c r="N7" s="60"/>
      <c r="O7" s="61"/>
    </row>
    <row r="8" spans="2:15" ht="7.5" customHeight="1" thickBot="1">
      <c r="F8" s="18"/>
      <c r="G8" s="18"/>
      <c r="H8" s="18"/>
    </row>
    <row r="9" spans="2:15" s="34" customFormat="1" ht="60" customHeight="1">
      <c r="B9" s="35" t="s">
        <v>4</v>
      </c>
      <c r="C9" s="10" t="s">
        <v>5</v>
      </c>
      <c r="D9" s="36"/>
      <c r="E9" s="37" t="s">
        <v>356</v>
      </c>
      <c r="F9" s="38"/>
      <c r="G9" s="38"/>
      <c r="H9" s="38"/>
      <c r="I9" s="38"/>
      <c r="J9" s="38"/>
      <c r="K9" s="38"/>
      <c r="L9" s="38"/>
      <c r="M9" s="39"/>
      <c r="N9" s="11" t="s">
        <v>355</v>
      </c>
      <c r="O9" s="12" t="s">
        <v>7</v>
      </c>
    </row>
    <row r="10" spans="2:15" s="43" customFormat="1" ht="15.75" customHeight="1">
      <c r="B10" s="66"/>
      <c r="C10" s="40">
        <v>98036</v>
      </c>
      <c r="D10" s="67"/>
      <c r="E10" s="68" t="s">
        <v>0</v>
      </c>
      <c r="F10" s="52"/>
      <c r="G10" s="69"/>
      <c r="H10" s="69"/>
      <c r="I10" s="69"/>
      <c r="J10" s="69"/>
      <c r="K10" s="69"/>
      <c r="L10" s="52"/>
      <c r="M10" s="70"/>
      <c r="N10" s="20"/>
      <c r="O10" s="21"/>
    </row>
    <row r="11" spans="2:15" s="43" customFormat="1" ht="15" customHeight="1">
      <c r="B11" s="66"/>
      <c r="C11" s="40">
        <v>922</v>
      </c>
      <c r="D11" s="67"/>
      <c r="E11" s="69"/>
      <c r="F11" s="69" t="s">
        <v>8</v>
      </c>
      <c r="G11" s="69"/>
      <c r="H11" s="69"/>
      <c r="I11" s="69"/>
      <c r="J11" s="69"/>
      <c r="K11" s="69"/>
      <c r="L11" s="52"/>
      <c r="M11" s="70"/>
      <c r="N11" s="20"/>
      <c r="O11" s="21"/>
    </row>
    <row r="12" spans="2:15" s="43" customFormat="1" ht="15" customHeight="1">
      <c r="B12" s="66"/>
      <c r="C12" s="40">
        <v>68361</v>
      </c>
      <c r="D12" s="71"/>
      <c r="E12" s="72"/>
      <c r="F12" s="72" t="s">
        <v>9</v>
      </c>
      <c r="G12" s="52"/>
      <c r="H12" s="52"/>
      <c r="I12" s="72"/>
      <c r="J12" s="72"/>
      <c r="K12" s="72"/>
      <c r="L12" s="52"/>
      <c r="M12" s="70"/>
      <c r="N12" s="20"/>
      <c r="O12" s="21"/>
    </row>
    <row r="13" spans="2:15" s="43" customFormat="1" ht="15" customHeight="1">
      <c r="B13" s="66"/>
      <c r="C13" s="40">
        <v>45360</v>
      </c>
      <c r="D13" s="67"/>
      <c r="E13" s="69"/>
      <c r="F13" s="69" t="s">
        <v>186</v>
      </c>
      <c r="G13" s="69"/>
      <c r="H13" s="69"/>
      <c r="I13" s="69"/>
      <c r="J13" s="69"/>
      <c r="K13" s="69"/>
      <c r="L13" s="52"/>
      <c r="M13" s="70"/>
      <c r="N13" s="20"/>
      <c r="O13" s="21"/>
    </row>
    <row r="14" spans="2:15" s="43" customFormat="1" ht="15" customHeight="1">
      <c r="B14" s="66"/>
      <c r="C14" s="40">
        <v>71276</v>
      </c>
      <c r="D14" s="71"/>
      <c r="E14" s="72"/>
      <c r="F14" s="72" t="s">
        <v>187</v>
      </c>
      <c r="G14" s="72"/>
      <c r="H14" s="72"/>
      <c r="I14" s="72"/>
      <c r="J14" s="72"/>
      <c r="K14" s="72"/>
      <c r="L14" s="52"/>
      <c r="M14" s="70"/>
      <c r="N14" s="20"/>
      <c r="O14" s="21"/>
    </row>
    <row r="15" spans="2:15" s="43" customFormat="1" ht="15" customHeight="1">
      <c r="B15" s="66"/>
      <c r="C15" s="40">
        <v>88620</v>
      </c>
      <c r="D15" s="67"/>
      <c r="E15" s="69"/>
      <c r="F15" s="69" t="s">
        <v>188</v>
      </c>
      <c r="G15" s="69"/>
      <c r="H15" s="69"/>
      <c r="I15" s="69"/>
      <c r="J15" s="69"/>
      <c r="K15" s="69"/>
      <c r="L15" s="52"/>
      <c r="M15" s="70"/>
      <c r="N15" s="20"/>
      <c r="O15" s="21"/>
    </row>
    <row r="16" spans="2:15" s="43" customFormat="1" ht="15" customHeight="1">
      <c r="B16" s="66"/>
      <c r="C16" s="40">
        <v>96333</v>
      </c>
      <c r="D16" s="71"/>
      <c r="E16" s="72"/>
      <c r="F16" s="72" t="s">
        <v>189</v>
      </c>
      <c r="G16" s="52"/>
      <c r="H16" s="52"/>
      <c r="I16" s="72"/>
      <c r="J16" s="72"/>
      <c r="K16" s="72"/>
      <c r="L16" s="52"/>
      <c r="M16" s="70"/>
      <c r="N16" s="20"/>
      <c r="O16" s="21"/>
    </row>
    <row r="17" spans="2:15">
      <c r="B17" s="74"/>
      <c r="C17" s="40">
        <v>98061</v>
      </c>
      <c r="D17" s="71"/>
      <c r="E17" s="72"/>
      <c r="F17" s="72" t="s">
        <v>345</v>
      </c>
      <c r="G17" s="52"/>
      <c r="H17" s="72"/>
      <c r="I17" s="72"/>
      <c r="J17" s="72"/>
      <c r="K17" s="72"/>
      <c r="L17" s="75"/>
      <c r="M17" s="76"/>
      <c r="N17" s="62"/>
      <c r="O17" s="63"/>
    </row>
    <row r="18" spans="2:15">
      <c r="B18" s="74"/>
      <c r="C18" s="40">
        <v>171684</v>
      </c>
      <c r="D18" s="67"/>
      <c r="E18" s="69"/>
      <c r="F18" s="69" t="s">
        <v>349</v>
      </c>
      <c r="G18" s="69"/>
      <c r="H18" s="69"/>
      <c r="I18" s="69"/>
      <c r="J18" s="69"/>
      <c r="K18" s="69"/>
      <c r="L18" s="75"/>
      <c r="M18" s="76"/>
      <c r="N18" s="62"/>
      <c r="O18" s="63"/>
    </row>
    <row r="19" spans="2:15" ht="15" customHeight="1" thickBot="1">
      <c r="B19" s="77"/>
      <c r="C19" s="42">
        <v>210272</v>
      </c>
      <c r="D19" s="71"/>
      <c r="E19" s="72"/>
      <c r="F19" s="72" t="s">
        <v>350</v>
      </c>
      <c r="G19" s="72"/>
      <c r="H19" s="72"/>
      <c r="I19" s="72"/>
      <c r="J19" s="72"/>
      <c r="K19" s="72"/>
      <c r="L19" s="75"/>
      <c r="M19" s="76"/>
      <c r="N19" s="62"/>
      <c r="O19" s="63"/>
    </row>
    <row r="20" spans="2:15" s="43" customFormat="1" ht="15.75" customHeight="1">
      <c r="B20" s="44"/>
      <c r="C20" s="45"/>
      <c r="D20" s="46"/>
      <c r="E20" s="47" t="s">
        <v>354</v>
      </c>
      <c r="F20" s="87"/>
      <c r="G20" s="87"/>
      <c r="H20" s="87"/>
      <c r="I20" s="87"/>
      <c r="J20" s="87"/>
      <c r="K20" s="87"/>
      <c r="L20" s="87"/>
      <c r="M20" s="88"/>
      <c r="N20" s="89"/>
      <c r="O20" s="90"/>
    </row>
    <row r="21" spans="2:15" s="43" customFormat="1" ht="15.75" customHeight="1">
      <c r="B21" s="44"/>
      <c r="C21" s="48"/>
      <c r="D21" s="49"/>
      <c r="E21" s="50" t="s">
        <v>353</v>
      </c>
      <c r="F21" s="91"/>
      <c r="G21" s="91"/>
      <c r="H21" s="91"/>
      <c r="I21" s="91"/>
      <c r="J21" s="91"/>
      <c r="K21" s="91"/>
      <c r="L21" s="91"/>
      <c r="M21" s="92"/>
      <c r="N21" s="93"/>
      <c r="O21" s="94"/>
    </row>
    <row r="22" spans="2:15" s="43" customFormat="1" ht="15.75" customHeight="1">
      <c r="B22" s="44"/>
      <c r="C22" s="40"/>
      <c r="D22" s="83"/>
      <c r="E22" s="60"/>
      <c r="F22" s="60"/>
      <c r="G22" s="60"/>
      <c r="H22" s="60"/>
      <c r="I22" s="60"/>
      <c r="J22" s="60"/>
      <c r="K22" s="60"/>
      <c r="L22" s="60"/>
      <c r="M22" s="61"/>
      <c r="N22" s="20"/>
      <c r="O22" s="21"/>
    </row>
    <row r="23" spans="2:15" s="43" customFormat="1" ht="15" customHeight="1">
      <c r="B23" s="44"/>
      <c r="C23" s="40"/>
      <c r="D23" s="83"/>
      <c r="E23" s="60"/>
      <c r="F23" s="60"/>
      <c r="G23" s="60"/>
      <c r="H23" s="60"/>
      <c r="I23" s="60"/>
      <c r="J23" s="60"/>
      <c r="K23" s="60"/>
      <c r="L23" s="60"/>
      <c r="M23" s="61"/>
      <c r="N23" s="20"/>
      <c r="O23" s="21"/>
    </row>
    <row r="24" spans="2:15" s="43" customFormat="1" ht="15" customHeight="1">
      <c r="B24" s="44"/>
      <c r="C24" s="40"/>
      <c r="D24" s="83"/>
      <c r="E24" s="60"/>
      <c r="F24" s="60"/>
      <c r="G24" s="60"/>
      <c r="H24" s="60"/>
      <c r="I24" s="60"/>
      <c r="J24" s="60"/>
      <c r="K24" s="60"/>
      <c r="L24" s="60"/>
      <c r="M24" s="61"/>
      <c r="N24" s="20"/>
      <c r="O24" s="21"/>
    </row>
    <row r="25" spans="2:15" s="43" customFormat="1" ht="15" customHeight="1">
      <c r="B25" s="44"/>
      <c r="C25" s="40"/>
      <c r="D25" s="83"/>
      <c r="E25" s="60"/>
      <c r="F25" s="60"/>
      <c r="G25" s="60"/>
      <c r="H25" s="60"/>
      <c r="I25" s="60"/>
      <c r="J25" s="60"/>
      <c r="K25" s="60"/>
      <c r="L25" s="60"/>
      <c r="M25" s="61"/>
      <c r="N25" s="20"/>
      <c r="O25" s="21"/>
    </row>
    <row r="26" spans="2:15" s="43" customFormat="1" ht="15" customHeight="1">
      <c r="B26" s="44"/>
      <c r="C26" s="40"/>
      <c r="D26" s="83"/>
      <c r="E26" s="60"/>
      <c r="F26" s="60"/>
      <c r="G26" s="60"/>
      <c r="H26" s="60"/>
      <c r="I26" s="60"/>
      <c r="J26" s="60"/>
      <c r="K26" s="60"/>
      <c r="L26" s="60"/>
      <c r="M26" s="61"/>
      <c r="N26" s="20"/>
      <c r="O26" s="21"/>
    </row>
    <row r="27" spans="2:15" s="43" customFormat="1" ht="15" customHeight="1">
      <c r="B27" s="44"/>
      <c r="C27" s="40"/>
      <c r="D27" s="83"/>
      <c r="E27" s="60"/>
      <c r="F27" s="60"/>
      <c r="G27" s="60"/>
      <c r="H27" s="60"/>
      <c r="I27" s="60"/>
      <c r="J27" s="60"/>
      <c r="K27" s="60"/>
      <c r="L27" s="60"/>
      <c r="M27" s="61"/>
      <c r="N27" s="20"/>
      <c r="O27" s="21"/>
    </row>
    <row r="28" spans="2:15" s="43" customFormat="1" ht="15" customHeight="1">
      <c r="B28" s="44"/>
      <c r="C28" s="40"/>
      <c r="D28" s="83"/>
      <c r="E28" s="60"/>
      <c r="F28" s="60"/>
      <c r="G28" s="60"/>
      <c r="H28" s="60"/>
      <c r="I28" s="60"/>
      <c r="J28" s="60"/>
      <c r="K28" s="60"/>
      <c r="L28" s="60"/>
      <c r="M28" s="61"/>
      <c r="N28" s="20"/>
      <c r="O28" s="21"/>
    </row>
    <row r="29" spans="2:15" s="43" customFormat="1" ht="15" customHeight="1">
      <c r="B29" s="44"/>
      <c r="C29" s="40"/>
      <c r="D29" s="83"/>
      <c r="E29" s="60"/>
      <c r="F29" s="60"/>
      <c r="G29" s="60"/>
      <c r="H29" s="60"/>
      <c r="I29" s="60"/>
      <c r="J29" s="60"/>
      <c r="K29" s="60"/>
      <c r="L29" s="60"/>
      <c r="M29" s="61"/>
      <c r="N29" s="20"/>
      <c r="O29" s="21"/>
    </row>
    <row r="30" spans="2:15" s="43" customFormat="1" ht="15" customHeight="1">
      <c r="B30" s="51"/>
      <c r="C30" s="40"/>
      <c r="D30" s="83"/>
      <c r="E30" s="60"/>
      <c r="F30" s="60"/>
      <c r="G30" s="60"/>
      <c r="H30" s="60"/>
      <c r="I30" s="60"/>
      <c r="J30" s="60"/>
      <c r="K30" s="60"/>
      <c r="L30" s="60"/>
      <c r="M30" s="61"/>
      <c r="N30" s="20"/>
      <c r="O30" s="21"/>
    </row>
    <row r="31" spans="2:15" s="43" customFormat="1" ht="15" customHeight="1">
      <c r="B31" s="44"/>
      <c r="C31" s="40"/>
      <c r="D31" s="83"/>
      <c r="E31" s="60"/>
      <c r="F31" s="60"/>
      <c r="G31" s="60"/>
      <c r="H31" s="60"/>
      <c r="I31" s="60"/>
      <c r="J31" s="60"/>
      <c r="K31" s="60"/>
      <c r="L31" s="60"/>
      <c r="M31" s="61"/>
      <c r="N31" s="20"/>
      <c r="O31" s="21"/>
    </row>
    <row r="32" spans="2:15" s="43" customFormat="1" ht="15" customHeight="1">
      <c r="B32" s="44"/>
      <c r="C32" s="40"/>
      <c r="D32" s="83"/>
      <c r="E32" s="60"/>
      <c r="F32" s="60"/>
      <c r="G32" s="60"/>
      <c r="H32" s="60"/>
      <c r="I32" s="60"/>
      <c r="J32" s="60"/>
      <c r="K32" s="60"/>
      <c r="L32" s="60"/>
      <c r="M32" s="61"/>
      <c r="N32" s="20"/>
      <c r="O32" s="21"/>
    </row>
    <row r="33" spans="2:15" s="43" customFormat="1" ht="15.75" customHeight="1" thickBot="1">
      <c r="B33" s="53"/>
      <c r="C33" s="41"/>
      <c r="D33" s="84"/>
      <c r="E33" s="85"/>
      <c r="F33" s="85"/>
      <c r="G33" s="85"/>
      <c r="H33" s="85"/>
      <c r="I33" s="85"/>
      <c r="J33" s="85"/>
      <c r="K33" s="85"/>
      <c r="L33" s="85"/>
      <c r="M33" s="86"/>
      <c r="N33" s="54"/>
      <c r="O33" s="55"/>
    </row>
    <row r="34" spans="2:15">
      <c r="B34" s="17"/>
      <c r="D34" s="43"/>
      <c r="E34" s="43"/>
      <c r="F34" s="43"/>
      <c r="G34" s="43"/>
      <c r="H34" s="43"/>
      <c r="I34" s="43"/>
      <c r="J34" s="43"/>
      <c r="K34" s="43"/>
      <c r="L34" s="43"/>
      <c r="M34" s="43"/>
    </row>
    <row r="35" spans="2:15">
      <c r="B35" s="17"/>
      <c r="C35" s="82" t="s">
        <v>352</v>
      </c>
      <c r="D35" s="43"/>
      <c r="E35" s="43"/>
      <c r="F35" s="43"/>
      <c r="G35" s="43"/>
      <c r="H35" s="43"/>
      <c r="I35" s="43"/>
      <c r="J35" s="43"/>
      <c r="K35" s="43"/>
      <c r="L35" s="43"/>
      <c r="M35" s="43"/>
    </row>
    <row r="36" spans="2:15">
      <c r="B36" s="17"/>
      <c r="D36" s="43"/>
      <c r="E36" s="43"/>
      <c r="F36" s="43"/>
      <c r="G36" s="43"/>
      <c r="H36" s="43"/>
      <c r="I36" s="43"/>
      <c r="J36" s="43"/>
      <c r="K36" s="43"/>
      <c r="L36" s="43"/>
      <c r="M36" s="43"/>
    </row>
  </sheetData>
  <sheetProtection password="98D8" sheet="1" objects="1" scenarios="1" selectLockedCells="1"/>
  <mergeCells count="20">
    <mergeCell ref="D28:M28"/>
    <mergeCell ref="D29:M29"/>
    <mergeCell ref="D30:M30"/>
    <mergeCell ref="D31:M31"/>
    <mergeCell ref="D32:M32"/>
    <mergeCell ref="D33:M33"/>
    <mergeCell ref="D22:M22"/>
    <mergeCell ref="D23:M23"/>
    <mergeCell ref="D24:M24"/>
    <mergeCell ref="D25:M25"/>
    <mergeCell ref="D26:M26"/>
    <mergeCell ref="D27:M27"/>
    <mergeCell ref="C6:E6"/>
    <mergeCell ref="C7:E7"/>
    <mergeCell ref="E9:M9"/>
    <mergeCell ref="E20:M20"/>
    <mergeCell ref="E21:M21"/>
    <mergeCell ref="L3:O3"/>
    <mergeCell ref="L6:O6"/>
    <mergeCell ref="L7:O7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0:36Z</dcterms:created>
  <dcterms:modified xsi:type="dcterms:W3CDTF">2013-07-16T16:14:18Z</dcterms:modified>
</cp:coreProperties>
</file>